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0\group\04-1不祥事防止対策グループ（①不祥事防止）\040 内部統制\01　基本方針要綱等\22_令和7年11月要領改正\04_施行\"/>
    </mc:Choice>
  </mc:AlternateContent>
  <xr:revisionPtr revIDLastSave="0" documentId="13_ncr:1_{87E4616B-3303-47F8-A19F-963637DC6A3B}" xr6:coauthVersionLast="47" xr6:coauthVersionMax="47" xr10:uidLastSave="{00000000-0000-0000-0000-000000000000}"/>
  <bookViews>
    <workbookView xWindow="28680" yWindow="-120" windowWidth="29040" windowHeight="15720" xr2:uid="{00000000-000D-0000-FFFF-FFFF00000000}"/>
  </bookViews>
  <sheets>
    <sheet name="リスク一覧" sheetId="15" r:id="rId1"/>
    <sheet name="所属コード" sheetId="16" state="hidden" r:id="rId2"/>
  </sheets>
  <definedNames>
    <definedName name="_xlnm._FilterDatabase" localSheetId="0" hidden="1">リスク一覧!$A$6:$P$49</definedName>
    <definedName name="_xlnm.Print_Area" localSheetId="0">リスク一覧!$A$1:$K$49</definedName>
    <definedName name="_xlnm.Print_Titles" localSheetId="0">リスク一覧!$5:$6</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K7" authorId="0" shapeId="0" xr:uid="{00000000-0006-0000-0000-000001000000}">
      <text>
        <r>
          <rPr>
            <b/>
            <sz val="9"/>
            <color indexed="81"/>
            <rFont val="ＭＳ Ｐゴシック"/>
            <family val="3"/>
            <charset val="128"/>
          </rPr>
          <t>「評価結果」欄の選択肢
１　不備なし
２　不備あり
３　重大な不備あり
４　当該リスクの扱いなし</t>
        </r>
      </text>
    </comment>
  </commentList>
</comments>
</file>

<file path=xl/sharedStrings.xml><?xml version="1.0" encoding="utf-8"?>
<sst xmlns="http://schemas.openxmlformats.org/spreadsheetml/2006/main" count="2425" uniqueCount="2195">
  <si>
    <t>リスクの内容</t>
    <phoneticPr fontId="1"/>
  </si>
  <si>
    <t>リスク
記載日</t>
    <phoneticPr fontId="1"/>
  </si>
  <si>
    <t>評価結果</t>
    <rPh sb="0" eb="2">
      <t>ヒョウカ</t>
    </rPh>
    <rPh sb="2" eb="4">
      <t>ケッカ</t>
    </rPh>
    <phoneticPr fontId="1"/>
  </si>
  <si>
    <t>制度所管所属</t>
    <rPh sb="0" eb="2">
      <t>セイド</t>
    </rPh>
    <rPh sb="2" eb="4">
      <t>ショカン</t>
    </rPh>
    <rPh sb="4" eb="6">
      <t>ショゾク</t>
    </rPh>
    <phoneticPr fontId="1"/>
  </si>
  <si>
    <t>全所属</t>
    <rPh sb="0" eb="1">
      <t>ゼン</t>
    </rPh>
    <rPh sb="1" eb="3">
      <t>ショゾク</t>
    </rPh>
    <phoneticPr fontId="1"/>
  </si>
  <si>
    <t>既存の取組</t>
    <rPh sb="0" eb="2">
      <t>キゾン</t>
    </rPh>
    <rPh sb="3" eb="5">
      <t>トリクミ</t>
    </rPh>
    <phoneticPr fontId="1"/>
  </si>
  <si>
    <t>・実施方針通知
・不祥事防止研修
・個人点検シート</t>
    <rPh sb="1" eb="3">
      <t>ジッシ</t>
    </rPh>
    <rPh sb="3" eb="5">
      <t>ホウシン</t>
    </rPh>
    <rPh sb="5" eb="7">
      <t>ツウチ</t>
    </rPh>
    <rPh sb="9" eb="12">
      <t>フショウジ</t>
    </rPh>
    <rPh sb="12" eb="14">
      <t>ボウシ</t>
    </rPh>
    <rPh sb="14" eb="16">
      <t>ケンシュウ</t>
    </rPh>
    <rPh sb="18" eb="20">
      <t>コジン</t>
    </rPh>
    <rPh sb="20" eb="22">
      <t>テンケン</t>
    </rPh>
    <phoneticPr fontId="1"/>
  </si>
  <si>
    <t>区分</t>
    <rPh sb="0" eb="2">
      <t>クブン</t>
    </rPh>
    <phoneticPr fontId="1"/>
  </si>
  <si>
    <t>情報管理</t>
    <rPh sb="0" eb="2">
      <t>ジョウホウ</t>
    </rPh>
    <rPh sb="2" eb="4">
      <t>カンリ</t>
    </rPh>
    <phoneticPr fontId="1"/>
  </si>
  <si>
    <t>その他</t>
    <rPh sb="2" eb="3">
      <t>タ</t>
    </rPh>
    <phoneticPr fontId="1"/>
  </si>
  <si>
    <t>リスク
No.</t>
    <phoneticPr fontId="1"/>
  </si>
  <si>
    <t>〇適正な文書管理の重要性を確認し、公文書管理のあり方の見直し状況を踏まえ、適切な文書管理の徹底を図る。
〇財産管理システムのファイル添付機能等を活用した図面や情報の管理、引継ぎを徹底する。
〇研修により、周知徹底を図る。</t>
    <phoneticPr fontId="1"/>
  </si>
  <si>
    <t>財務</t>
    <rPh sb="0" eb="2">
      <t>ザイム</t>
    </rPh>
    <phoneticPr fontId="1"/>
  </si>
  <si>
    <t>入札執行
(依頼）所属</t>
    <rPh sb="6" eb="8">
      <t>イライ</t>
    </rPh>
    <phoneticPr fontId="1"/>
  </si>
  <si>
    <t>入札執行所属</t>
    <rPh sb="0" eb="2">
      <t>ニュウサツ</t>
    </rPh>
    <rPh sb="2" eb="4">
      <t>シッコウ</t>
    </rPh>
    <rPh sb="4" eb="6">
      <t>ショゾク</t>
    </rPh>
    <phoneticPr fontId="1"/>
  </si>
  <si>
    <t>財産管理者</t>
    <rPh sb="0" eb="2">
      <t>ザイサン</t>
    </rPh>
    <rPh sb="2" eb="4">
      <t>カンリ</t>
    </rPh>
    <rPh sb="4" eb="5">
      <t>シャ</t>
    </rPh>
    <phoneticPr fontId="1"/>
  </si>
  <si>
    <t>財産管理者</t>
    <rPh sb="0" eb="4">
      <t>ザイサンカンリ</t>
    </rPh>
    <rPh sb="4" eb="5">
      <t>シャ</t>
    </rPh>
    <phoneticPr fontId="1"/>
  </si>
  <si>
    <t>庁舎管理者</t>
    <rPh sb="0" eb="2">
      <t>チョウシャ</t>
    </rPh>
    <rPh sb="2" eb="5">
      <t>カンリシャ</t>
    </rPh>
    <phoneticPr fontId="1"/>
  </si>
  <si>
    <t>支出命令額の誤り</t>
  </si>
  <si>
    <t>支払手続の遅れ</t>
  </si>
  <si>
    <t>預け金、差し替え、一括払い等</t>
  </si>
  <si>
    <t>契約締結前の履行</t>
  </si>
  <si>
    <t>入札設計金額の誤り</t>
    <rPh sb="2" eb="4">
      <t>セッケイ</t>
    </rPh>
    <rPh sb="4" eb="6">
      <t>キンガク</t>
    </rPh>
    <phoneticPr fontId="1"/>
  </si>
  <si>
    <t>入札公告の誤り</t>
    <rPh sb="0" eb="2">
      <t>ニュウサツ</t>
    </rPh>
    <rPh sb="2" eb="4">
      <t>コウコク</t>
    </rPh>
    <rPh sb="5" eb="6">
      <t>アヤマ</t>
    </rPh>
    <phoneticPr fontId="1"/>
  </si>
  <si>
    <t>入札予定価格、最低制限価格の誤り</t>
    <rPh sb="2" eb="4">
      <t>ヨテイ</t>
    </rPh>
    <rPh sb="4" eb="6">
      <t>カカク</t>
    </rPh>
    <rPh sb="7" eb="9">
      <t>サイテイ</t>
    </rPh>
    <rPh sb="9" eb="11">
      <t>セイゲン</t>
    </rPh>
    <rPh sb="11" eb="13">
      <t>カカク</t>
    </rPh>
    <phoneticPr fontId="1"/>
  </si>
  <si>
    <t>不適切な重要物品の管理</t>
    <rPh sb="0" eb="3">
      <t>フテキセツ</t>
    </rPh>
    <rPh sb="4" eb="6">
      <t>ジュウヨウ</t>
    </rPh>
    <rPh sb="6" eb="8">
      <t>ブッピン</t>
    </rPh>
    <rPh sb="9" eb="11">
      <t>カンリ</t>
    </rPh>
    <phoneticPr fontId="1"/>
  </si>
  <si>
    <t>不適切な境界管理</t>
    <rPh sb="0" eb="3">
      <t>フテキセツ</t>
    </rPh>
    <rPh sb="6" eb="8">
      <t>カンリ</t>
    </rPh>
    <phoneticPr fontId="1"/>
  </si>
  <si>
    <t>不適切な建物、工作物、立木の維持・安全管理</t>
    <rPh sb="0" eb="3">
      <t>フテキセツ</t>
    </rPh>
    <rPh sb="4" eb="6">
      <t>タテモノ</t>
    </rPh>
    <rPh sb="7" eb="10">
      <t>コウサクブツ</t>
    </rPh>
    <rPh sb="11" eb="13">
      <t>リュウボク</t>
    </rPh>
    <rPh sb="14" eb="16">
      <t>イジ</t>
    </rPh>
    <rPh sb="17" eb="19">
      <t>アンゼン</t>
    </rPh>
    <rPh sb="19" eb="21">
      <t>カンリ</t>
    </rPh>
    <phoneticPr fontId="1"/>
  </si>
  <si>
    <t>消防用設備等の点検の漏れ、誤り</t>
    <rPh sb="0" eb="2">
      <t>ショウボウ</t>
    </rPh>
    <rPh sb="2" eb="3">
      <t>ヨウ</t>
    </rPh>
    <rPh sb="3" eb="5">
      <t>セツビ</t>
    </rPh>
    <rPh sb="5" eb="6">
      <t>トウ</t>
    </rPh>
    <rPh sb="7" eb="9">
      <t>テンケン</t>
    </rPh>
    <rPh sb="10" eb="11">
      <t>モ</t>
    </rPh>
    <rPh sb="13" eb="14">
      <t>アヤマ</t>
    </rPh>
    <phoneticPr fontId="1"/>
  </si>
  <si>
    <t>不適切なアスベスト管理</t>
    <rPh sb="0" eb="3">
      <t>フテキセツ</t>
    </rPh>
    <rPh sb="9" eb="11">
      <t>カンリ</t>
    </rPh>
    <phoneticPr fontId="1"/>
  </si>
  <si>
    <t>不適切な庁内保安管理</t>
    <rPh sb="0" eb="3">
      <t>フテキセツ</t>
    </rPh>
    <rPh sb="4" eb="5">
      <t>チョウ</t>
    </rPh>
    <rPh sb="5" eb="6">
      <t>ナイ</t>
    </rPh>
    <rPh sb="6" eb="8">
      <t>ホアン</t>
    </rPh>
    <rPh sb="8" eb="10">
      <t>カンリ</t>
    </rPh>
    <phoneticPr fontId="1"/>
  </si>
  <si>
    <t>財産手続の漏れ、誤り</t>
    <rPh sb="0" eb="2">
      <t>ザイサン</t>
    </rPh>
    <rPh sb="2" eb="4">
      <t>テツヅ</t>
    </rPh>
    <rPh sb="5" eb="6">
      <t>モ</t>
    </rPh>
    <rPh sb="8" eb="9">
      <t>アヤマ</t>
    </rPh>
    <phoneticPr fontId="1"/>
  </si>
  <si>
    <t>無体財産権の利用許諾手続の誤り、漏れ</t>
    <rPh sb="6" eb="8">
      <t>リヨウ</t>
    </rPh>
    <rPh sb="8" eb="10">
      <t>キョダク</t>
    </rPh>
    <rPh sb="13" eb="14">
      <t>アヤマ</t>
    </rPh>
    <rPh sb="16" eb="17">
      <t>モ</t>
    </rPh>
    <phoneticPr fontId="1"/>
  </si>
  <si>
    <t>県有財産台帳への登録の漏れ、誤り</t>
    <rPh sb="0" eb="2">
      <t>ケンユウ</t>
    </rPh>
    <rPh sb="2" eb="4">
      <t>ザイサン</t>
    </rPh>
    <rPh sb="4" eb="6">
      <t>ダイチョウ</t>
    </rPh>
    <rPh sb="8" eb="10">
      <t>トウロク</t>
    </rPh>
    <rPh sb="11" eb="12">
      <t>モ</t>
    </rPh>
    <rPh sb="14" eb="15">
      <t>アヤマ</t>
    </rPh>
    <phoneticPr fontId="1"/>
  </si>
  <si>
    <t>建築基準法に基づく定期点検・要是正工事の実施漏れ</t>
    <phoneticPr fontId="1"/>
  </si>
  <si>
    <t>コンピュータウィルス感染</t>
    <phoneticPr fontId="1"/>
  </si>
  <si>
    <t>私物機器等の使用</t>
    <rPh sb="0" eb="2">
      <t>シブツ</t>
    </rPh>
    <rPh sb="2" eb="4">
      <t>キキ</t>
    </rPh>
    <rPh sb="4" eb="5">
      <t>トウ</t>
    </rPh>
    <rPh sb="6" eb="8">
      <t>シヨウ</t>
    </rPh>
    <phoneticPr fontId="1"/>
  </si>
  <si>
    <t>サポート切れソフトウェア使用</t>
    <rPh sb="4" eb="5">
      <t>キ</t>
    </rPh>
    <rPh sb="12" eb="14">
      <t>シヨウ</t>
    </rPh>
    <phoneticPr fontId="1"/>
  </si>
  <si>
    <t>ソフトウェアの不正使用・コピー</t>
    <phoneticPr fontId="1"/>
  </si>
  <si>
    <t>内部不正による情報漏えい</t>
    <rPh sb="0" eb="2">
      <t>ナイブ</t>
    </rPh>
    <rPh sb="2" eb="4">
      <t>フセイ</t>
    </rPh>
    <rPh sb="7" eb="9">
      <t>ジョウホウ</t>
    </rPh>
    <rPh sb="9" eb="10">
      <t>ロウ</t>
    </rPh>
    <phoneticPr fontId="1"/>
  </si>
  <si>
    <t>パソコンの画面ロック不徹底</t>
    <rPh sb="5" eb="7">
      <t>ガメン</t>
    </rPh>
    <rPh sb="10" eb="13">
      <t>フテッテイ</t>
    </rPh>
    <phoneticPr fontId="1"/>
  </si>
  <si>
    <t>マイナンバーの漏えい・紛失</t>
    <rPh sb="7" eb="8">
      <t>ロウ</t>
    </rPh>
    <rPh sb="11" eb="13">
      <t>フンシツ</t>
    </rPh>
    <phoneticPr fontId="1"/>
  </si>
  <si>
    <t>認証情報の不適正管理</t>
    <rPh sb="0" eb="2">
      <t>ニンショウ</t>
    </rPh>
    <rPh sb="2" eb="4">
      <t>ジョウホウ</t>
    </rPh>
    <rPh sb="5" eb="8">
      <t>フテキセイ</t>
    </rPh>
    <rPh sb="8" eb="10">
      <t>カンリ</t>
    </rPh>
    <phoneticPr fontId="1"/>
  </si>
  <si>
    <t>アクセス権の不適正管理</t>
    <rPh sb="4" eb="5">
      <t>ケン</t>
    </rPh>
    <rPh sb="6" eb="9">
      <t>フテキセイ</t>
    </rPh>
    <rPh sb="9" eb="11">
      <t>カンリ</t>
    </rPh>
    <phoneticPr fontId="1"/>
  </si>
  <si>
    <t>機器等の紛失</t>
    <rPh sb="0" eb="2">
      <t>キキ</t>
    </rPh>
    <rPh sb="2" eb="3">
      <t>トウ</t>
    </rPh>
    <rPh sb="4" eb="6">
      <t>フンシツ</t>
    </rPh>
    <phoneticPr fontId="1"/>
  </si>
  <si>
    <t>旅費の不正受給</t>
    <rPh sb="0" eb="2">
      <t>リョヒ</t>
    </rPh>
    <rPh sb="3" eb="5">
      <t>フセイ</t>
    </rPh>
    <rPh sb="5" eb="7">
      <t>ジュキュウ</t>
    </rPh>
    <phoneticPr fontId="1"/>
  </si>
  <si>
    <t>通勤手当の不正受給</t>
    <rPh sb="0" eb="2">
      <t>ツウキン</t>
    </rPh>
    <phoneticPr fontId="1"/>
  </si>
  <si>
    <t>所属での公印（印影を刷り込むもの、事前押印を含む）の不適切な管理</t>
    <phoneticPr fontId="1"/>
  </si>
  <si>
    <r>
      <t>誤記載、誤掲載</t>
    </r>
    <r>
      <rPr>
        <strike/>
        <sz val="12"/>
        <color rgb="FFFF0000"/>
        <rFont val="ＭＳ 明朝"/>
        <family val="1"/>
        <charset val="128"/>
      </rPr>
      <t/>
    </r>
    <rPh sb="0" eb="1">
      <t>ゴ</t>
    </rPh>
    <rPh sb="1" eb="3">
      <t>キサイ</t>
    </rPh>
    <rPh sb="4" eb="5">
      <t>アヤマ</t>
    </rPh>
    <rPh sb="5" eb="7">
      <t>ケイサイ</t>
    </rPh>
    <phoneticPr fontId="4"/>
  </si>
  <si>
    <t>重要書類の紛失・誤廃棄</t>
    <rPh sb="0" eb="4">
      <t>ジュウヨウショルイ</t>
    </rPh>
    <rPh sb="5" eb="7">
      <t>フンシツ</t>
    </rPh>
    <rPh sb="8" eb="9">
      <t>ゴ</t>
    </rPh>
    <rPh sb="9" eb="11">
      <t>ハイキ</t>
    </rPh>
    <phoneticPr fontId="4"/>
  </si>
  <si>
    <t>申請書等の未処理</t>
    <rPh sb="0" eb="3">
      <t>シンセイショ</t>
    </rPh>
    <rPh sb="3" eb="4">
      <t>トウ</t>
    </rPh>
    <rPh sb="5" eb="8">
      <t>ミショリ</t>
    </rPh>
    <phoneticPr fontId="4"/>
  </si>
  <si>
    <t>〇支出命令票の審査においては複数職員の目で金額の内容を確認する。
〇見積書、契約書、請求書等の支出命令額の根拠となる関係書類との確認を行う。
〇支出命令に当たり、検査調書など債務が確定していることを証明する書類により、確実に履行がされていることを確認する。
〇「源泉徴収のあらまし」「源泉徴収税額表」等により根拠を確認する。
〇戻入に係る伺の起案に当たり、必要事項の確認と関係書類の添付を行う。</t>
    <rPh sb="1" eb="3">
      <t>シシュツ</t>
    </rPh>
    <rPh sb="3" eb="5">
      <t>メイレイ</t>
    </rPh>
    <rPh sb="5" eb="6">
      <t>ヒョウ</t>
    </rPh>
    <rPh sb="7" eb="9">
      <t>シンサ</t>
    </rPh>
    <rPh sb="19" eb="20">
      <t>メ</t>
    </rPh>
    <rPh sb="21" eb="23">
      <t>キンガク</t>
    </rPh>
    <rPh sb="24" eb="26">
      <t>ナイヨウ</t>
    </rPh>
    <rPh sb="27" eb="29">
      <t>カクニン</t>
    </rPh>
    <rPh sb="34" eb="37">
      <t>ミツモリショ</t>
    </rPh>
    <rPh sb="38" eb="41">
      <t>ケイヤクショ</t>
    </rPh>
    <rPh sb="42" eb="46">
      <t>セイキュウショナド</t>
    </rPh>
    <rPh sb="47" eb="49">
      <t>シシュツ</t>
    </rPh>
    <rPh sb="49" eb="51">
      <t>メイレイ</t>
    </rPh>
    <rPh sb="51" eb="52">
      <t>ガク</t>
    </rPh>
    <rPh sb="53" eb="55">
      <t>コンキョ</t>
    </rPh>
    <rPh sb="58" eb="60">
      <t>カンケイ</t>
    </rPh>
    <rPh sb="60" eb="62">
      <t>ショルイ</t>
    </rPh>
    <rPh sb="64" eb="66">
      <t>カクニン</t>
    </rPh>
    <rPh sb="67" eb="68">
      <t>オコナ</t>
    </rPh>
    <phoneticPr fontId="4"/>
  </si>
  <si>
    <t>〇進行管理表等による進行管理を行う。
○相手方から請求書を受領した時は支払遅延防止法に定める期日を複数職員で確認する。</t>
    <rPh sb="15" eb="16">
      <t>オコナ</t>
    </rPh>
    <rPh sb="20" eb="22">
      <t>アイテ</t>
    </rPh>
    <rPh sb="22" eb="23">
      <t>カタ</t>
    </rPh>
    <rPh sb="25" eb="28">
      <t>セイキュウショ</t>
    </rPh>
    <rPh sb="29" eb="31">
      <t>ジュリョウ</t>
    </rPh>
    <rPh sb="33" eb="34">
      <t>トキ</t>
    </rPh>
    <rPh sb="35" eb="37">
      <t>シハライ</t>
    </rPh>
    <rPh sb="37" eb="39">
      <t>チエン</t>
    </rPh>
    <rPh sb="39" eb="42">
      <t>ボウシホウ</t>
    </rPh>
    <rPh sb="43" eb="44">
      <t>サダ</t>
    </rPh>
    <rPh sb="46" eb="48">
      <t>キジツ</t>
    </rPh>
    <rPh sb="54" eb="56">
      <t>カクニン</t>
    </rPh>
    <phoneticPr fontId="1"/>
  </si>
  <si>
    <t>〇契約の目的に沿った内容が履行されていることを複数職員で確認する。</t>
    <rPh sb="1" eb="3">
      <t>ケイヤク</t>
    </rPh>
    <rPh sb="4" eb="6">
      <t>モクテキ</t>
    </rPh>
    <rPh sb="7" eb="8">
      <t>ソ</t>
    </rPh>
    <rPh sb="10" eb="12">
      <t>ナイヨウ</t>
    </rPh>
    <rPh sb="13" eb="15">
      <t>リコウ</t>
    </rPh>
    <rPh sb="23" eb="25">
      <t>フクスウ</t>
    </rPh>
    <rPh sb="25" eb="27">
      <t>ショクイン</t>
    </rPh>
    <rPh sb="28" eb="30">
      <t>カクニン</t>
    </rPh>
    <phoneticPr fontId="4"/>
  </si>
  <si>
    <t>〇進行管理表等による進行管理を行う。
○事業担当者と会計担当者の連絡を密にして事務処理を行う。</t>
    <rPh sb="15" eb="16">
      <t>オコナ</t>
    </rPh>
    <rPh sb="20" eb="22">
      <t>ジギョウ</t>
    </rPh>
    <rPh sb="22" eb="25">
      <t>タントウシャ</t>
    </rPh>
    <rPh sb="26" eb="28">
      <t>カイケイ</t>
    </rPh>
    <rPh sb="28" eb="31">
      <t>タントウシャ</t>
    </rPh>
    <rPh sb="32" eb="34">
      <t>レンラク</t>
    </rPh>
    <rPh sb="35" eb="36">
      <t>ミツ</t>
    </rPh>
    <rPh sb="39" eb="41">
      <t>ジム</t>
    </rPh>
    <rPh sb="41" eb="43">
      <t>ショリ</t>
    </rPh>
    <rPh sb="44" eb="45">
      <t>オコナ</t>
    </rPh>
    <phoneticPr fontId="1"/>
  </si>
  <si>
    <t>○最低制限価格の設定を含め、グループリーダーを含めた複数の職員で入札対象案件の積算内容の確認を行う。</t>
    <rPh sb="1" eb="7">
      <t>サイテイセイゲンカカク</t>
    </rPh>
    <rPh sb="8" eb="10">
      <t>セッテイ</t>
    </rPh>
    <rPh sb="11" eb="12">
      <t>フク</t>
    </rPh>
    <rPh sb="23" eb="24">
      <t>フク</t>
    </rPh>
    <rPh sb="26" eb="28">
      <t>フクスウ</t>
    </rPh>
    <rPh sb="41" eb="43">
      <t>ナイヨウ</t>
    </rPh>
    <rPh sb="44" eb="46">
      <t>カクニン</t>
    </rPh>
    <rPh sb="47" eb="48">
      <t>オコナ</t>
    </rPh>
    <phoneticPr fontId="4"/>
  </si>
  <si>
    <t>○入札公告を行う際、グループリーダーを含めた複数の職員で公開内容と添付書類の確認を行う。</t>
    <rPh sb="1" eb="3">
      <t>ニュウサツ</t>
    </rPh>
    <rPh sb="3" eb="5">
      <t>コウコク</t>
    </rPh>
    <rPh sb="6" eb="7">
      <t>オコナ</t>
    </rPh>
    <rPh sb="8" eb="9">
      <t>サイ</t>
    </rPh>
    <rPh sb="28" eb="30">
      <t>コウカイ</t>
    </rPh>
    <rPh sb="30" eb="32">
      <t>ナイヨウ</t>
    </rPh>
    <rPh sb="33" eb="35">
      <t>テンプ</t>
    </rPh>
    <rPh sb="35" eb="37">
      <t>ショルイ</t>
    </rPh>
    <rPh sb="38" eb="40">
      <t>カクニン</t>
    </rPh>
    <rPh sb="41" eb="42">
      <t>オコナ</t>
    </rPh>
    <phoneticPr fontId="1"/>
  </si>
  <si>
    <t>〇年1回実施する備品の現物照合において、管理状況を確認する。
○異動の都度、台帳に適時に記録することを徹底する。
〇事業担当者(物品担当者)と会計担当者が連携して、物品の管理状況を把握する。</t>
    <rPh sb="1" eb="2">
      <t>ネン</t>
    </rPh>
    <rPh sb="3" eb="4">
      <t>カイ</t>
    </rPh>
    <rPh sb="4" eb="6">
      <t>ジッシ</t>
    </rPh>
    <rPh sb="8" eb="10">
      <t>ビヒン</t>
    </rPh>
    <rPh sb="11" eb="13">
      <t>ゲンブツ</t>
    </rPh>
    <rPh sb="13" eb="15">
      <t>ショウゴウ</t>
    </rPh>
    <rPh sb="20" eb="22">
      <t>カンリ</t>
    </rPh>
    <rPh sb="22" eb="24">
      <t>ジョウキョウ</t>
    </rPh>
    <rPh sb="25" eb="27">
      <t>カクニン</t>
    </rPh>
    <rPh sb="32" eb="34">
      <t>イドウ</t>
    </rPh>
    <rPh sb="35" eb="37">
      <t>ツド</t>
    </rPh>
    <rPh sb="38" eb="40">
      <t>ダイチョウ</t>
    </rPh>
    <rPh sb="41" eb="43">
      <t>テキジ</t>
    </rPh>
    <rPh sb="44" eb="46">
      <t>キロク</t>
    </rPh>
    <rPh sb="51" eb="53">
      <t>テッテイ</t>
    </rPh>
    <rPh sb="58" eb="60">
      <t>ジギョウ</t>
    </rPh>
    <rPh sb="60" eb="63">
      <t>タントウシャ</t>
    </rPh>
    <rPh sb="64" eb="66">
      <t>ブッピン</t>
    </rPh>
    <rPh sb="66" eb="69">
      <t>タントウシャ</t>
    </rPh>
    <rPh sb="71" eb="73">
      <t>カイケイ</t>
    </rPh>
    <rPh sb="73" eb="76">
      <t>タントウシャ</t>
    </rPh>
    <rPh sb="77" eb="79">
      <t>レンケイ</t>
    </rPh>
    <rPh sb="82" eb="84">
      <t>ブッピン</t>
    </rPh>
    <rPh sb="85" eb="87">
      <t>カンリ</t>
    </rPh>
    <rPh sb="87" eb="89">
      <t>ジョウキョウ</t>
    </rPh>
    <rPh sb="90" eb="92">
      <t>ハアク</t>
    </rPh>
    <phoneticPr fontId="4"/>
  </si>
  <si>
    <t>○県有地の境界が確定していない場合は、確定する。
〇不法占用等がないか、定期的な現地確認を行う。
〇不適切な状況が確認された場合は、すみやかに是正を行う。</t>
    <phoneticPr fontId="1"/>
  </si>
  <si>
    <t>〇定期的な現地確認を行う。
〇不適切な状況が確認された場合は、すみやかに是正を行う。</t>
    <rPh sb="1" eb="4">
      <t>テイキテキ</t>
    </rPh>
    <rPh sb="5" eb="7">
      <t>ゲンチ</t>
    </rPh>
    <rPh sb="7" eb="9">
      <t>カクニン</t>
    </rPh>
    <rPh sb="10" eb="11">
      <t>オコナ</t>
    </rPh>
    <rPh sb="15" eb="18">
      <t>フテキセツ</t>
    </rPh>
    <rPh sb="19" eb="21">
      <t>ジョウキョウ</t>
    </rPh>
    <rPh sb="22" eb="24">
      <t>カクニン</t>
    </rPh>
    <rPh sb="27" eb="29">
      <t>バアイ</t>
    </rPh>
    <rPh sb="36" eb="38">
      <t>ゼセイ</t>
    </rPh>
    <rPh sb="39" eb="40">
      <t>オコナ</t>
    </rPh>
    <phoneticPr fontId="1"/>
  </si>
  <si>
    <t>〇年１回以上建材の劣化、損傷の状況等の点検を実施し、結果をアスベスト管理台帳に記録するとともに、必要に応じ飛散防止対策を実施する。
〇人事異動、財産の管理換え時等に台帳等の引継ぎを確実に行う。</t>
    <phoneticPr fontId="1"/>
  </si>
  <si>
    <t>○研修資料等により、財産に関し必要となる手続について常日頃から理解を深める。
○人事異動、財産の管理換え等の引継ぎの際、必要となる手続を所属内で共有し、確実に行う。</t>
    <phoneticPr fontId="1"/>
  </si>
  <si>
    <t>○取得、処分、管理換え等の決裁後、決裁文書と照合の上、適時適切に台帳登録する。</t>
    <phoneticPr fontId="1"/>
  </si>
  <si>
    <t>〇建築基準法に基づく定期点検を実施し、「要是正箇所」が把握できた場合は速やかに是正工事等を実施する。</t>
    <phoneticPr fontId="1"/>
  </si>
  <si>
    <t>〇管理監督者による適切な職員管理
〇不祥事防止に係る研修及び点検の実施</t>
    <rPh sb="1" eb="3">
      <t>カンリ</t>
    </rPh>
    <rPh sb="3" eb="5">
      <t>カントク</t>
    </rPh>
    <rPh sb="5" eb="6">
      <t>シャ</t>
    </rPh>
    <rPh sb="9" eb="11">
      <t>テキセツ</t>
    </rPh>
    <rPh sb="12" eb="14">
      <t>ショクイン</t>
    </rPh>
    <rPh sb="14" eb="16">
      <t>カンリ</t>
    </rPh>
    <rPh sb="18" eb="21">
      <t>フショウジ</t>
    </rPh>
    <rPh sb="21" eb="23">
      <t>ボウシ</t>
    </rPh>
    <rPh sb="24" eb="25">
      <t>カカ</t>
    </rPh>
    <rPh sb="26" eb="28">
      <t>ケンシュウ</t>
    </rPh>
    <rPh sb="28" eb="29">
      <t>オヨ</t>
    </rPh>
    <rPh sb="30" eb="32">
      <t>テンケン</t>
    </rPh>
    <rPh sb="33" eb="35">
      <t>ジッシ</t>
    </rPh>
    <phoneticPr fontId="1"/>
  </si>
  <si>
    <t>〇命令権者による適切な職員管理
〇不祥事防止に係る研修及び点検の実施</t>
    <rPh sb="1" eb="3">
      <t>メイレイ</t>
    </rPh>
    <rPh sb="3" eb="4">
      <t>ケン</t>
    </rPh>
    <rPh sb="4" eb="5">
      <t>シャ</t>
    </rPh>
    <rPh sb="8" eb="10">
      <t>テキセツ</t>
    </rPh>
    <rPh sb="11" eb="13">
      <t>ショクイン</t>
    </rPh>
    <rPh sb="13" eb="15">
      <t>カンリ</t>
    </rPh>
    <rPh sb="17" eb="20">
      <t>フショウジ</t>
    </rPh>
    <rPh sb="20" eb="22">
      <t>ボウシ</t>
    </rPh>
    <rPh sb="23" eb="24">
      <t>カカ</t>
    </rPh>
    <rPh sb="25" eb="27">
      <t>ケンシュウ</t>
    </rPh>
    <rPh sb="27" eb="28">
      <t>オヨ</t>
    </rPh>
    <rPh sb="29" eb="31">
      <t>テンケン</t>
    </rPh>
    <rPh sb="32" eb="34">
      <t>ジッシ</t>
    </rPh>
    <phoneticPr fontId="1"/>
  </si>
  <si>
    <t>〇通勤手当支給職員に係る通勤方法の現況確認の実施</t>
    <rPh sb="1" eb="3">
      <t>ツウキン</t>
    </rPh>
    <rPh sb="3" eb="5">
      <t>テアテ</t>
    </rPh>
    <rPh sb="5" eb="7">
      <t>シキュウ</t>
    </rPh>
    <rPh sb="7" eb="9">
      <t>ショクイン</t>
    </rPh>
    <rPh sb="10" eb="11">
      <t>カカ</t>
    </rPh>
    <rPh sb="12" eb="14">
      <t>ツウキン</t>
    </rPh>
    <rPh sb="14" eb="16">
      <t>ホウホウ</t>
    </rPh>
    <rPh sb="17" eb="19">
      <t>ゲンキョウ</t>
    </rPh>
    <rPh sb="19" eb="21">
      <t>カクニン</t>
    </rPh>
    <rPh sb="22" eb="24">
      <t>ジッシ</t>
    </rPh>
    <phoneticPr fontId="1"/>
  </si>
  <si>
    <t>○文書課ホームページに記載の規程やマニュアルを参考に、管理の環境を整える。
○事前押印については、月末に施行管理簿の数字と枚数が一致しているか確認を行う。</t>
    <phoneticPr fontId="1"/>
  </si>
  <si>
    <t>〇決裁中に修正が入った資料を「浄書」しているかなど、ダブルチェックの方法や作業手順自体に改善できる点がないか見直しを行う。
〇当事者意識を持ったダブルチェックや作業手順遵守の重要性を確認し、徹底を図る。</t>
    <rPh sb="41" eb="43">
      <t>ジタイ</t>
    </rPh>
    <phoneticPr fontId="4"/>
  </si>
  <si>
    <t>〇早期の報告・連絡・相談の重要性を周知し、朝夕ミーティングなどを活用した情報共有の徹底を図る。
〇報告・連絡・相談を怠ったことにより、問題の影響が大きくなることがあることを認識し、報告も業務の一環であるとの意識の徹底を図る。</t>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1" eb="13">
      <t>シュウチ</t>
    </rPh>
    <rPh sb="13" eb="15">
      <t>テッテイ</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1" eb="15">
      <t>シュウチテッテイ</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研修により、周知徹底を図る。</t>
    <rPh sb="1" eb="3">
      <t>ケンシュウ</t>
    </rPh>
    <rPh sb="7" eb="9">
      <t>シュウチ</t>
    </rPh>
    <rPh sb="9" eb="11">
      <t>テッテイ</t>
    </rPh>
    <rPh sb="12" eb="13">
      <t>ハカ</t>
    </rPh>
    <phoneticPr fontId="1"/>
  </si>
  <si>
    <t>〇毎年の取扱い通知により、正しい取扱いを周知する。
〇研修により、周知徹底を図る。</t>
    <rPh sb="1" eb="3">
      <t>マイトシ</t>
    </rPh>
    <rPh sb="4" eb="6">
      <t>トリアツカ</t>
    </rPh>
    <rPh sb="7" eb="9">
      <t>ツウチ</t>
    </rPh>
    <rPh sb="13" eb="14">
      <t>タダ</t>
    </rPh>
    <rPh sb="16" eb="18">
      <t>トリアツカ</t>
    </rPh>
    <rPh sb="20" eb="22">
      <t>シュウチ</t>
    </rPh>
    <rPh sb="27" eb="29">
      <t>ケンシュウ</t>
    </rPh>
    <rPh sb="33" eb="35">
      <t>シュウチ</t>
    </rPh>
    <rPh sb="35" eb="37">
      <t>テッテイ</t>
    </rPh>
    <rPh sb="38" eb="39">
      <t>ハカ</t>
    </rPh>
    <phoneticPr fontId="1"/>
  </si>
  <si>
    <t>〇事務処理マニュアルにより、正しい事務処理を周知する。
〇研修により、周知徹底を図る。</t>
    <rPh sb="1" eb="3">
      <t>ジム</t>
    </rPh>
    <rPh sb="3" eb="5">
      <t>ショリ</t>
    </rPh>
    <rPh sb="14" eb="15">
      <t>タダ</t>
    </rPh>
    <rPh sb="17" eb="19">
      <t>ジム</t>
    </rPh>
    <rPh sb="19" eb="21">
      <t>ショリ</t>
    </rPh>
    <rPh sb="22" eb="24">
      <t>シュウチ</t>
    </rPh>
    <rPh sb="29" eb="31">
      <t>ケンシュウ</t>
    </rPh>
    <rPh sb="35" eb="37">
      <t>シュウチ</t>
    </rPh>
    <rPh sb="37" eb="39">
      <t>テッテイ</t>
    </rPh>
    <rPh sb="40" eb="41">
      <t>ハカ</t>
    </rPh>
    <phoneticPr fontId="1"/>
  </si>
  <si>
    <t>〇チェックシートの活用により、登録漏れや誤りがないか確認する。
〇研修により、周知徹底を図る。</t>
    <rPh sb="9" eb="11">
      <t>カツヨウ</t>
    </rPh>
    <rPh sb="15" eb="17">
      <t>トウロク</t>
    </rPh>
    <rPh sb="17" eb="18">
      <t>モ</t>
    </rPh>
    <rPh sb="20" eb="21">
      <t>アヤマ</t>
    </rPh>
    <rPh sb="26" eb="28">
      <t>カクニン</t>
    </rPh>
    <rPh sb="33" eb="35">
      <t>ケンシュウ</t>
    </rPh>
    <rPh sb="39" eb="41">
      <t>シュウチ</t>
    </rPh>
    <rPh sb="41" eb="43">
      <t>テッテイ</t>
    </rPh>
    <rPh sb="44" eb="45">
      <t>ハカ</t>
    </rPh>
    <phoneticPr fontId="1"/>
  </si>
  <si>
    <t>〇各県有施設における建築基準法に基づく定期点検の実施状況・点検結果を把握する。
〇「要是正箇所」が把握できた施設については、是正工事等の実施状況を確認する。
〇実施漏れがないよう、研修により、周知徹底を図る。</t>
    <phoneticPr fontId="1"/>
  </si>
  <si>
    <t>〇国からの通知を遅滞なく関係機関に周知するとともに、定期的に実施する監査により事務執行体制をチェックすることで、漏えい・紛失を防ぐよう努める。</t>
    <rPh sb="1" eb="2">
      <t>クニ</t>
    </rPh>
    <rPh sb="5" eb="7">
      <t>ツウチ</t>
    </rPh>
    <rPh sb="8" eb="10">
      <t>チタイ</t>
    </rPh>
    <rPh sb="12" eb="14">
      <t>カンケイ</t>
    </rPh>
    <rPh sb="14" eb="16">
      <t>キカン</t>
    </rPh>
    <rPh sb="17" eb="19">
      <t>シュウチ</t>
    </rPh>
    <rPh sb="26" eb="29">
      <t>テイキテキ</t>
    </rPh>
    <rPh sb="30" eb="32">
      <t>ジッシ</t>
    </rPh>
    <rPh sb="34" eb="36">
      <t>カンサ</t>
    </rPh>
    <rPh sb="39" eb="41">
      <t>ジム</t>
    </rPh>
    <rPh sb="41" eb="43">
      <t>シッコウ</t>
    </rPh>
    <rPh sb="43" eb="45">
      <t>タイセイ</t>
    </rPh>
    <rPh sb="56" eb="57">
      <t>ロウ</t>
    </rPh>
    <rPh sb="60" eb="62">
      <t>フンシツ</t>
    </rPh>
    <rPh sb="63" eb="64">
      <t>フセ</t>
    </rPh>
    <rPh sb="67" eb="68">
      <t>ツト</t>
    </rPh>
    <phoneticPr fontId="4"/>
  </si>
  <si>
    <t>〇個人点検シートや研修により周知徹底を図る。</t>
    <rPh sb="1" eb="3">
      <t>コジン</t>
    </rPh>
    <rPh sb="3" eb="5">
      <t>テンケン</t>
    </rPh>
    <rPh sb="9" eb="11">
      <t>ケンシュウ</t>
    </rPh>
    <rPh sb="14" eb="16">
      <t>シュウチ</t>
    </rPh>
    <rPh sb="16" eb="18">
      <t>テッテイ</t>
    </rPh>
    <rPh sb="19" eb="20">
      <t>ハカ</t>
    </rPh>
    <phoneticPr fontId="1"/>
  </si>
  <si>
    <t>・適正執行通知
・会計事務検査
・会計事務事例集
・会計事務研修</t>
    <rPh sb="1" eb="3">
      <t>テキセイ</t>
    </rPh>
    <rPh sb="3" eb="5">
      <t>シッコウ</t>
    </rPh>
    <rPh sb="5" eb="7">
      <t>ツウチ</t>
    </rPh>
    <rPh sb="9" eb="11">
      <t>カイケイ</t>
    </rPh>
    <rPh sb="11" eb="13">
      <t>ジム</t>
    </rPh>
    <rPh sb="13" eb="15">
      <t>ケンサ</t>
    </rPh>
    <rPh sb="17" eb="19">
      <t>カイケイ</t>
    </rPh>
    <rPh sb="19" eb="21">
      <t>ジム</t>
    </rPh>
    <rPh sb="21" eb="23">
      <t>ジレイ</t>
    </rPh>
    <rPh sb="23" eb="24">
      <t>シュウ</t>
    </rPh>
    <rPh sb="26" eb="28">
      <t>カイケイ</t>
    </rPh>
    <rPh sb="28" eb="30">
      <t>ジム</t>
    </rPh>
    <rPh sb="30" eb="32">
      <t>ケンシュウ</t>
    </rPh>
    <phoneticPr fontId="1"/>
  </si>
  <si>
    <t>・適正執行通知
・会計事務検査
・会計事務事例集
・電子入札システム操作研修</t>
    <rPh sb="1" eb="3">
      <t>テキセイ</t>
    </rPh>
    <rPh sb="3" eb="5">
      <t>シッコウ</t>
    </rPh>
    <rPh sb="5" eb="7">
      <t>ツウチ</t>
    </rPh>
    <rPh sb="9" eb="11">
      <t>カイケイ</t>
    </rPh>
    <rPh sb="11" eb="13">
      <t>ジム</t>
    </rPh>
    <rPh sb="13" eb="15">
      <t>ケンサ</t>
    </rPh>
    <rPh sb="17" eb="19">
      <t>カイケイ</t>
    </rPh>
    <rPh sb="19" eb="21">
      <t>ジム</t>
    </rPh>
    <rPh sb="21" eb="23">
      <t>ジレイ</t>
    </rPh>
    <rPh sb="23" eb="24">
      <t>シュウ</t>
    </rPh>
    <rPh sb="26" eb="28">
      <t>デンシ</t>
    </rPh>
    <rPh sb="28" eb="30">
      <t>ニュウサツ</t>
    </rPh>
    <rPh sb="34" eb="36">
      <t>ソウサ</t>
    </rPh>
    <rPh sb="36" eb="38">
      <t>ケンシュウ</t>
    </rPh>
    <phoneticPr fontId="1"/>
  </si>
  <si>
    <t>・財産取扱研修会</t>
    <rPh sb="1" eb="3">
      <t>ザイサン</t>
    </rPh>
    <rPh sb="3" eb="4">
      <t>ト</t>
    </rPh>
    <rPh sb="4" eb="5">
      <t>アツカ</t>
    </rPh>
    <rPh sb="5" eb="8">
      <t>ケンシュウカイ</t>
    </rPh>
    <phoneticPr fontId="1"/>
  </si>
  <si>
    <t>・取扱通知
・財産取扱研修会</t>
    <rPh sb="1" eb="2">
      <t>ト</t>
    </rPh>
    <rPh sb="2" eb="3">
      <t>アツカ</t>
    </rPh>
    <rPh sb="3" eb="5">
      <t>ツウチ</t>
    </rPh>
    <rPh sb="7" eb="9">
      <t>ザイサン</t>
    </rPh>
    <rPh sb="9" eb="11">
      <t>トリアツカイ</t>
    </rPh>
    <rPh sb="11" eb="14">
      <t>ケンシュウカイ</t>
    </rPh>
    <phoneticPr fontId="1"/>
  </si>
  <si>
    <t>・事務処理マニュアル
・財産取扱研修会</t>
    <rPh sb="1" eb="3">
      <t>ジム</t>
    </rPh>
    <rPh sb="3" eb="5">
      <t>ショリ</t>
    </rPh>
    <rPh sb="12" eb="14">
      <t>ザイサン</t>
    </rPh>
    <rPh sb="14" eb="16">
      <t>トリアツカイ</t>
    </rPh>
    <rPh sb="16" eb="19">
      <t>ケンシュウカイ</t>
    </rPh>
    <phoneticPr fontId="1"/>
  </si>
  <si>
    <t>・チェックシート
・財産取扱研修会</t>
    <rPh sb="10" eb="12">
      <t>ザイサン</t>
    </rPh>
    <rPh sb="12" eb="14">
      <t>トリアツカイ</t>
    </rPh>
    <rPh sb="14" eb="17">
      <t>ケンシュウカイ</t>
    </rPh>
    <phoneticPr fontId="1"/>
  </si>
  <si>
    <t>・実施方針等通知
・定期点検研修</t>
    <phoneticPr fontId="1"/>
  </si>
  <si>
    <t>・情報セキュリティ監査
・情報セキュリティ研修
・個人点検シート</t>
    <rPh sb="1" eb="3">
      <t>ジョウホウ</t>
    </rPh>
    <rPh sb="9" eb="11">
      <t>カンサ</t>
    </rPh>
    <rPh sb="13" eb="15">
      <t>ジョウホウ</t>
    </rPh>
    <rPh sb="21" eb="23">
      <t>ケンシュウ</t>
    </rPh>
    <rPh sb="25" eb="27">
      <t>コジン</t>
    </rPh>
    <rPh sb="27" eb="29">
      <t>テンケン</t>
    </rPh>
    <phoneticPr fontId="1"/>
  </si>
  <si>
    <t>・情報セキュリティ監査
・情報セキュリティ研修</t>
    <rPh sb="1" eb="3">
      <t>ジョウホウ</t>
    </rPh>
    <rPh sb="9" eb="11">
      <t>カンサ</t>
    </rPh>
    <rPh sb="13" eb="15">
      <t>ジョウホウ</t>
    </rPh>
    <rPh sb="21" eb="23">
      <t>ケンシュウ</t>
    </rPh>
    <phoneticPr fontId="1"/>
  </si>
  <si>
    <t>・不祥事防止研修
・個人点検シート</t>
    <rPh sb="1" eb="4">
      <t>フショウジ</t>
    </rPh>
    <rPh sb="4" eb="6">
      <t>ボウシ</t>
    </rPh>
    <rPh sb="6" eb="8">
      <t>ケンシュウ</t>
    </rPh>
    <rPh sb="10" eb="12">
      <t>コジン</t>
    </rPh>
    <rPh sb="12" eb="14">
      <t>テンケン</t>
    </rPh>
    <phoneticPr fontId="1"/>
  </si>
  <si>
    <t>・不祥事防止研修</t>
    <rPh sb="1" eb="4">
      <t>フショウジ</t>
    </rPh>
    <rPh sb="4" eb="6">
      <t>ボウシ</t>
    </rPh>
    <rPh sb="6" eb="8">
      <t>ケンシュウ</t>
    </rPh>
    <phoneticPr fontId="1"/>
  </si>
  <si>
    <t>・現況確認通知</t>
    <rPh sb="1" eb="3">
      <t>ゲンキョウ</t>
    </rPh>
    <rPh sb="3" eb="5">
      <t>カクニン</t>
    </rPh>
    <rPh sb="5" eb="7">
      <t>ツウチ</t>
    </rPh>
    <phoneticPr fontId="1"/>
  </si>
  <si>
    <t>・文書管理規程</t>
    <rPh sb="1" eb="3">
      <t>ブンショ</t>
    </rPh>
    <rPh sb="3" eb="5">
      <t>カンリ</t>
    </rPh>
    <rPh sb="5" eb="7">
      <t>キテイ</t>
    </rPh>
    <phoneticPr fontId="1"/>
  </si>
  <si>
    <t>財産経営課</t>
    <rPh sb="0" eb="2">
      <t>ザイサン</t>
    </rPh>
    <rPh sb="2" eb="4">
      <t>ケイエイ</t>
    </rPh>
    <rPh sb="4" eb="5">
      <t>カ</t>
    </rPh>
    <phoneticPr fontId="1"/>
  </si>
  <si>
    <t>人事課</t>
    <rPh sb="0" eb="3">
      <t>ジンジカ</t>
    </rPh>
    <phoneticPr fontId="1"/>
  </si>
  <si>
    <t>文書課</t>
    <rPh sb="0" eb="2">
      <t>ブンショ</t>
    </rPh>
    <rPh sb="2" eb="3">
      <t>カ</t>
    </rPh>
    <phoneticPr fontId="1"/>
  </si>
  <si>
    <t>選択してください</t>
    <rPh sb="0" eb="2">
      <t>センタク</t>
    </rPh>
    <phoneticPr fontId="1"/>
  </si>
  <si>
    <r>
      <t xml:space="preserve">リスク対応策①
</t>
    </r>
    <r>
      <rPr>
        <b/>
        <sz val="11"/>
        <color theme="1"/>
        <rFont val="ＭＳ ゴシック"/>
        <family val="3"/>
        <charset val="128"/>
      </rPr>
      <t>（各所属）</t>
    </r>
    <rPh sb="9" eb="12">
      <t>カクショゾク</t>
    </rPh>
    <phoneticPr fontId="1"/>
  </si>
  <si>
    <r>
      <t xml:space="preserve">リスク対応策②
</t>
    </r>
    <r>
      <rPr>
        <b/>
        <sz val="11"/>
        <color theme="1"/>
        <rFont val="ＭＳ ゴシック"/>
        <family val="3"/>
        <charset val="128"/>
      </rPr>
      <t>（制度所管所属）</t>
    </r>
    <rPh sb="9" eb="11">
      <t>セイド</t>
    </rPh>
    <rPh sb="11" eb="13">
      <t>ショカン</t>
    </rPh>
    <rPh sb="13" eb="15">
      <t>ショゾク</t>
    </rPh>
    <phoneticPr fontId="1"/>
  </si>
  <si>
    <r>
      <t>　　リスク識別・評価作業（</t>
    </r>
    <r>
      <rPr>
        <b/>
        <sz val="11"/>
        <color theme="1"/>
        <rFont val="ＭＳ ゴシック"/>
        <family val="3"/>
        <charset val="128"/>
      </rPr>
      <t>制度所管所属</t>
    </r>
    <r>
      <rPr>
        <sz val="11"/>
        <color theme="1"/>
        <rFont val="ＭＳ ゴシック"/>
        <family val="3"/>
        <charset val="128"/>
      </rPr>
      <t>）</t>
    </r>
    <rPh sb="13" eb="15">
      <t>セイド</t>
    </rPh>
    <rPh sb="15" eb="17">
      <t>ショカン</t>
    </rPh>
    <rPh sb="17" eb="19">
      <t>ショゾク</t>
    </rPh>
    <phoneticPr fontId="1"/>
  </si>
  <si>
    <r>
      <t>リスク対応策整備作業（</t>
    </r>
    <r>
      <rPr>
        <b/>
        <sz val="11"/>
        <color theme="1"/>
        <rFont val="ＭＳ ゴシック"/>
        <family val="3"/>
        <charset val="128"/>
      </rPr>
      <t>各所属・制度所管所属</t>
    </r>
    <r>
      <rPr>
        <sz val="11"/>
        <color theme="1"/>
        <rFont val="ＭＳ ゴシック"/>
        <family val="3"/>
        <charset val="128"/>
      </rPr>
      <t>）</t>
    </r>
    <rPh sb="11" eb="14">
      <t>カクショゾク</t>
    </rPh>
    <phoneticPr fontId="1"/>
  </si>
  <si>
    <r>
      <t>自己評価作業（</t>
    </r>
    <r>
      <rPr>
        <b/>
        <sz val="11"/>
        <color theme="1"/>
        <rFont val="ＭＳ ゴシック"/>
        <family val="3"/>
        <charset val="128"/>
      </rPr>
      <t>各所属</t>
    </r>
    <r>
      <rPr>
        <sz val="11"/>
        <color theme="1"/>
        <rFont val="ＭＳ ゴシック"/>
        <family val="3"/>
        <charset val="128"/>
      </rPr>
      <t>）
（評価日　年　月　日）</t>
    </r>
    <rPh sb="0" eb="2">
      <t>ジコ</t>
    </rPh>
    <rPh sb="2" eb="4">
      <t>ヒョウカ</t>
    </rPh>
    <rPh sb="4" eb="6">
      <t>サギョウ</t>
    </rPh>
    <rPh sb="7" eb="10">
      <t>カクショゾク</t>
    </rPh>
    <rPh sb="13" eb="15">
      <t>ヒョウカ</t>
    </rPh>
    <rPh sb="15" eb="16">
      <t>ヒ</t>
    </rPh>
    <rPh sb="17" eb="18">
      <t>ネン</t>
    </rPh>
    <rPh sb="19" eb="20">
      <t>ガツ</t>
    </rPh>
    <rPh sb="21" eb="22">
      <t>ニチ</t>
    </rPh>
    <phoneticPr fontId="1"/>
  </si>
  <si>
    <t>運用状況自己評価</t>
    <rPh sb="0" eb="2">
      <t>ウンヨウ</t>
    </rPh>
    <rPh sb="2" eb="4">
      <t>ジョウキョウ</t>
    </rPh>
    <rPh sb="4" eb="6">
      <t>ジコ</t>
    </rPh>
    <rPh sb="6" eb="8">
      <t>ヒョウカ</t>
    </rPh>
    <phoneticPr fontId="1"/>
  </si>
  <si>
    <t>所属名</t>
    <rPh sb="0" eb="3">
      <t>ショゾクメイ</t>
    </rPh>
    <phoneticPr fontId="1"/>
  </si>
  <si>
    <t>所属コード</t>
    <rPh sb="0" eb="2">
      <t>ショゾク</t>
    </rPh>
    <phoneticPr fontId="1"/>
  </si>
  <si>
    <t xml:space="preserve">○予定価格は、入札執行権者が設計金額を基に算出し、他者への漏えいを防ぎ、慎重に入力する。
○設計金額と予定価格は必ずしも同額ではないことなど、制度を十分に確認する。
</t>
    <phoneticPr fontId="1"/>
  </si>
  <si>
    <t>調定額等の誤り</t>
    <rPh sb="0" eb="3">
      <t>チョウテイガク</t>
    </rPh>
    <rPh sb="3" eb="4">
      <t>トウ</t>
    </rPh>
    <rPh sb="5" eb="6">
      <t>アヤマ</t>
    </rPh>
    <phoneticPr fontId="4"/>
  </si>
  <si>
    <t>〇調定に係る起案に当たって、必要事項の確認と関係書類の添付を行う。
○納付期限までに納付がない者があるときは、財務規則に則って督促を行う。</t>
    <rPh sb="1" eb="3">
      <t>チョウテイ</t>
    </rPh>
    <rPh sb="4" eb="5">
      <t>カカ</t>
    </rPh>
    <rPh sb="6" eb="8">
      <t>キアン</t>
    </rPh>
    <rPh sb="9" eb="10">
      <t>ア</t>
    </rPh>
    <rPh sb="14" eb="16">
      <t>ヒツヨウ</t>
    </rPh>
    <rPh sb="16" eb="18">
      <t>ジコウ</t>
    </rPh>
    <rPh sb="19" eb="21">
      <t>カクニン</t>
    </rPh>
    <rPh sb="22" eb="24">
      <t>カンケイ</t>
    </rPh>
    <rPh sb="24" eb="26">
      <t>ショルイ</t>
    </rPh>
    <rPh sb="27" eb="29">
      <t>テンプ</t>
    </rPh>
    <rPh sb="30" eb="31">
      <t>オコナ</t>
    </rPh>
    <rPh sb="55" eb="57">
      <t>ザイム</t>
    </rPh>
    <rPh sb="57" eb="59">
      <t>キソク</t>
    </rPh>
    <rPh sb="60" eb="61">
      <t>ノット</t>
    </rPh>
    <rPh sb="63" eb="65">
      <t>トクソク</t>
    </rPh>
    <rPh sb="66" eb="67">
      <t>オコナ</t>
    </rPh>
    <phoneticPr fontId="1"/>
  </si>
  <si>
    <t>条例等の誤り</t>
    <rPh sb="0" eb="3">
      <t>ジョウレイナド</t>
    </rPh>
    <rPh sb="4" eb="5">
      <t>アヤマ</t>
    </rPh>
    <phoneticPr fontId="4"/>
  </si>
  <si>
    <t>○条ずれが発生する場合に引用条項に改正漏れがないか、思い込みによる改正誤りがないかなど、複数の異なる視点から当事者意識を持ってチェックを行う。
○法令等の解釈を所管省庁に確認したり、他都道府県の情報を収集するなど、条例等の影響を意識して慎重に改正等を行う。</t>
    <rPh sb="14" eb="16">
      <t>ジョウコウ</t>
    </rPh>
    <rPh sb="17" eb="19">
      <t>カイセイ</t>
    </rPh>
    <rPh sb="19" eb="20">
      <t>モ</t>
    </rPh>
    <rPh sb="33" eb="35">
      <t>カイセイ</t>
    </rPh>
    <rPh sb="35" eb="36">
      <t>アヤマ</t>
    </rPh>
    <rPh sb="44" eb="46">
      <t>フクスウ</t>
    </rPh>
    <rPh sb="47" eb="48">
      <t>コト</t>
    </rPh>
    <rPh sb="50" eb="52">
      <t>シテン</t>
    </rPh>
    <rPh sb="54" eb="57">
      <t>トウジシャ</t>
    </rPh>
    <rPh sb="57" eb="59">
      <t>イシキ</t>
    </rPh>
    <rPh sb="60" eb="61">
      <t>モ</t>
    </rPh>
    <rPh sb="77" eb="79">
      <t>カイシャク</t>
    </rPh>
    <rPh sb="91" eb="92">
      <t>ホカ</t>
    </rPh>
    <rPh sb="92" eb="96">
      <t>トドウフケン</t>
    </rPh>
    <rPh sb="97" eb="99">
      <t>ジョウホウ</t>
    </rPh>
    <rPh sb="100" eb="102">
      <t>シュウシュウ</t>
    </rPh>
    <rPh sb="109" eb="110">
      <t>トウ</t>
    </rPh>
    <rPh sb="114" eb="116">
      <t>イシキ</t>
    </rPh>
    <rPh sb="123" eb="124">
      <t>ナド</t>
    </rPh>
    <phoneticPr fontId="1"/>
  </si>
  <si>
    <t>〇条例等の誤りを防ぐため、条例等所管局（所属）用のチェックシートを活用するよう周知徹底を図る。</t>
    <rPh sb="1" eb="4">
      <t>ジョウレイナド</t>
    </rPh>
    <rPh sb="5" eb="6">
      <t>アヤマ</t>
    </rPh>
    <rPh sb="8" eb="9">
      <t>フセ</t>
    </rPh>
    <rPh sb="15" eb="16">
      <t>トウ</t>
    </rPh>
    <rPh sb="39" eb="41">
      <t>シュウチ</t>
    </rPh>
    <rPh sb="41" eb="43">
      <t>テッテイ</t>
    </rPh>
    <rPh sb="44" eb="45">
      <t>ハカ</t>
    </rPh>
    <phoneticPr fontId="1"/>
  </si>
  <si>
    <t>政策法務課</t>
    <rPh sb="0" eb="2">
      <t>セイサク</t>
    </rPh>
    <rPh sb="2" eb="4">
      <t>ホウム</t>
    </rPh>
    <rPh sb="4" eb="5">
      <t>カ</t>
    </rPh>
    <phoneticPr fontId="1"/>
  </si>
  <si>
    <t>・条例所管局（所属）用のチェックシート
・法制執務基礎演習研修</t>
    <phoneticPr fontId="1"/>
  </si>
  <si>
    <t>R2.6</t>
    <phoneticPr fontId="1"/>
  </si>
  <si>
    <t>条例等所管所属</t>
    <rPh sb="0" eb="2">
      <t>ジョウレイ</t>
    </rPh>
    <rPh sb="2" eb="3">
      <t>トウ</t>
    </rPh>
    <rPh sb="3" eb="5">
      <t>ショカン</t>
    </rPh>
    <rPh sb="5" eb="7">
      <t>ショゾク</t>
    </rPh>
    <phoneticPr fontId="1"/>
  </si>
  <si>
    <t>R2.11</t>
    <phoneticPr fontId="1"/>
  </si>
  <si>
    <t>〇予算の執行に当たり、執行科目（節）の確認を複数職員で行う。
〇見積書、契約書、請求書等の執行に当たっての根拠となる関係書類との確認を行う。</t>
    <phoneticPr fontId="1"/>
  </si>
  <si>
    <t>〇会計ナビにより全庁に周知徹底を図る。
〇会計担当者、事業担当者等、職員の階層に合わせた研修により、周知徹底を図る。
〇会計事務検査等を実施し、各所属の状況を確認する。</t>
    <phoneticPr fontId="1"/>
  </si>
  <si>
    <t>・適正執行通知
・会計事務検査
・会計事務事例集
・会計事務研修</t>
    <phoneticPr fontId="1"/>
  </si>
  <si>
    <t>予算の執行科目の誤り</t>
    <phoneticPr fontId="1"/>
  </si>
  <si>
    <t>デジタル戦略本部室</t>
    <rPh sb="4" eb="9">
      <t>センリャクホンブシツ</t>
    </rPh>
    <phoneticPr fontId="1"/>
  </si>
  <si>
    <t>総務局総務室</t>
    <rPh sb="0" eb="2">
      <t>ソウム</t>
    </rPh>
    <rPh sb="2" eb="3">
      <t>キョク</t>
    </rPh>
    <rPh sb="3" eb="5">
      <t>ソウム</t>
    </rPh>
    <rPh sb="5" eb="6">
      <t>シツ</t>
    </rPh>
    <phoneticPr fontId="1"/>
  </si>
  <si>
    <t>総務局総務室
情報公開広聴課
デジタル戦略本部室
文書課</t>
    <rPh sb="2" eb="3">
      <t>キョク</t>
    </rPh>
    <rPh sb="19" eb="24">
      <t>センリャクホンブシツ</t>
    </rPh>
    <rPh sb="25" eb="27">
      <t>ブンショ</t>
    </rPh>
    <rPh sb="27" eb="28">
      <t>カ</t>
    </rPh>
    <phoneticPr fontId="1"/>
  </si>
  <si>
    <t>重要物品取扱所属</t>
    <rPh sb="0" eb="2">
      <t>ジュウヨウ</t>
    </rPh>
    <rPh sb="2" eb="4">
      <t>ブッピン</t>
    </rPh>
    <rPh sb="4" eb="6">
      <t>トリアツカイ</t>
    </rPh>
    <rPh sb="6" eb="8">
      <t>ショゾク</t>
    </rPh>
    <phoneticPr fontId="1"/>
  </si>
  <si>
    <t>〇登退庁時の施錠管理について、職員に周知する。
〇鍵の保管場所を適切に定めるとともに、庁舎内の所属等における鍵の適切な保管等について指導を行う。
〇使用していない施設について、適切な侵入防止対策をする。</t>
    <rPh sb="1" eb="2">
      <t>トウ</t>
    </rPh>
    <rPh sb="2" eb="4">
      <t>タイチョウ</t>
    </rPh>
    <rPh sb="4" eb="5">
      <t>ジ</t>
    </rPh>
    <rPh sb="6" eb="8">
      <t>セジョウ</t>
    </rPh>
    <rPh sb="8" eb="10">
      <t>カンリ</t>
    </rPh>
    <rPh sb="15" eb="17">
      <t>ショクイン</t>
    </rPh>
    <rPh sb="18" eb="20">
      <t>シュウチ</t>
    </rPh>
    <rPh sb="25" eb="26">
      <t>カギ</t>
    </rPh>
    <rPh sb="27" eb="29">
      <t>ホカン</t>
    </rPh>
    <rPh sb="29" eb="31">
      <t>バショ</t>
    </rPh>
    <rPh sb="32" eb="34">
      <t>テキセツ</t>
    </rPh>
    <rPh sb="35" eb="36">
      <t>サダ</t>
    </rPh>
    <rPh sb="43" eb="45">
      <t>チョウシャ</t>
    </rPh>
    <rPh sb="45" eb="46">
      <t>ナイ</t>
    </rPh>
    <rPh sb="47" eb="49">
      <t>ショゾク</t>
    </rPh>
    <rPh sb="49" eb="50">
      <t>トウ</t>
    </rPh>
    <rPh sb="54" eb="55">
      <t>カギ</t>
    </rPh>
    <rPh sb="56" eb="58">
      <t>テキセツ</t>
    </rPh>
    <rPh sb="59" eb="61">
      <t>ホカン</t>
    </rPh>
    <rPh sb="61" eb="62">
      <t>トウ</t>
    </rPh>
    <rPh sb="66" eb="68">
      <t>シドウ</t>
    </rPh>
    <rPh sb="69" eb="70">
      <t>オコナ</t>
    </rPh>
    <rPh sb="74" eb="76">
      <t>シヨウ</t>
    </rPh>
    <rPh sb="81" eb="83">
      <t>シセツ</t>
    </rPh>
    <rPh sb="88" eb="90">
      <t>テキセツ</t>
    </rPh>
    <rPh sb="91" eb="93">
      <t>シンニュウ</t>
    </rPh>
    <rPh sb="93" eb="95">
      <t>ボウシ</t>
    </rPh>
    <rPh sb="95" eb="97">
      <t>タイサク</t>
    </rPh>
    <phoneticPr fontId="1"/>
  </si>
  <si>
    <t>外部記録媒体等の不適正管理</t>
    <rPh sb="0" eb="2">
      <t>ガイブ</t>
    </rPh>
    <rPh sb="2" eb="4">
      <t>キロク</t>
    </rPh>
    <rPh sb="4" eb="6">
      <t>バイタイ</t>
    </rPh>
    <rPh sb="6" eb="7">
      <t>トウ</t>
    </rPh>
    <rPh sb="8" eb="11">
      <t>フテキセイ</t>
    </rPh>
    <rPh sb="11" eb="13">
      <t>カンリ</t>
    </rPh>
    <phoneticPr fontId="1"/>
  </si>
  <si>
    <t>R2.4</t>
    <phoneticPr fontId="1"/>
  </si>
  <si>
    <t>デジタル戦略本部室
総務局総務室</t>
    <rPh sb="4" eb="6">
      <t>センリャク</t>
    </rPh>
    <rPh sb="6" eb="8">
      <t>ホンブ</t>
    </rPh>
    <rPh sb="8" eb="9">
      <t>シツ</t>
    </rPh>
    <rPh sb="10" eb="12">
      <t>ソウム</t>
    </rPh>
    <rPh sb="12" eb="13">
      <t>キョク</t>
    </rPh>
    <rPh sb="13" eb="15">
      <t>ソウム</t>
    </rPh>
    <rPh sb="15" eb="16">
      <t>シツ</t>
    </rPh>
    <phoneticPr fontId="1"/>
  </si>
  <si>
    <t>○文書システムでの施行誤りを防ぐため、システムやマニュアルの改善を行う。
〇ＣＭＳや電子申請システムにおける公開設定等の設定ミスを防ぐため、システムやマニュアルの改善を行う。
〇個人点検シートや研修により周知徹底を図る。</t>
    <phoneticPr fontId="1"/>
  </si>
  <si>
    <t>総務局総務室
文書課
知事室
デジタル戦略本部室</t>
    <rPh sb="0" eb="2">
      <t>ソウム</t>
    </rPh>
    <rPh sb="2" eb="3">
      <t>キョク</t>
    </rPh>
    <rPh sb="3" eb="5">
      <t>ソウム</t>
    </rPh>
    <rPh sb="5" eb="6">
      <t>シツ</t>
    </rPh>
    <rPh sb="7" eb="9">
      <t>ブンショ</t>
    </rPh>
    <rPh sb="9" eb="10">
      <t>カ</t>
    </rPh>
    <phoneticPr fontId="1"/>
  </si>
  <si>
    <t>財産経営課
下水道課</t>
    <rPh sb="0" eb="2">
      <t>ザイサン</t>
    </rPh>
    <rPh sb="2" eb="4">
      <t>ケイエイ</t>
    </rPh>
    <rPh sb="4" eb="5">
      <t>カ</t>
    </rPh>
    <rPh sb="6" eb="10">
      <t>ゲスイドウカ</t>
    </rPh>
    <phoneticPr fontId="1"/>
  </si>
  <si>
    <t>〇収受や施行は複数人で共有する。
〇研修により、周知徹底を図る。</t>
    <rPh sb="1" eb="3">
      <t>シュウジュ</t>
    </rPh>
    <rPh sb="4" eb="6">
      <t>セコウ</t>
    </rPh>
    <rPh sb="7" eb="9">
      <t>フクスウ</t>
    </rPh>
    <rPh sb="9" eb="10">
      <t>ニン</t>
    </rPh>
    <rPh sb="11" eb="13">
      <t>キョウユウ</t>
    </rPh>
    <phoneticPr fontId="1"/>
  </si>
  <si>
    <t>〇研修により、周知徹底を図る。</t>
    <phoneticPr fontId="1"/>
  </si>
  <si>
    <t>・職員行動指針
・不祥事防止研修
・個人点検シート
・実施方針通知
・文書事務点検リスト</t>
    <phoneticPr fontId="1"/>
  </si>
  <si>
    <t>R4.11</t>
    <phoneticPr fontId="1"/>
  </si>
  <si>
    <t>総務局総務室
文書課</t>
    <rPh sb="0" eb="6">
      <t>ソウムキョクソウムシツ</t>
    </rPh>
    <rPh sb="7" eb="9">
      <t>ブンショ</t>
    </rPh>
    <rPh sb="9" eb="10">
      <t>カ</t>
    </rPh>
    <phoneticPr fontId="1"/>
  </si>
  <si>
    <t>書類等の偽造</t>
    <rPh sb="0" eb="2">
      <t>ショルイ</t>
    </rPh>
    <rPh sb="2" eb="3">
      <t>ナド</t>
    </rPh>
    <rPh sb="4" eb="6">
      <t>ギゾウ</t>
    </rPh>
    <phoneticPr fontId="1"/>
  </si>
  <si>
    <t>具体例</t>
    <phoneticPr fontId="1"/>
  </si>
  <si>
    <t>執行科目（節）を誤る。</t>
    <phoneticPr fontId="1"/>
  </si>
  <si>
    <t>支出命令額を誤る。
報酬等の支給額を誤る。
報酬等の税額等を誤って控除する。
戻入額を誤る。</t>
  </si>
  <si>
    <t>調定額等を誤る。</t>
    <rPh sb="0" eb="3">
      <t>チョウテイガク</t>
    </rPh>
    <rPh sb="3" eb="4">
      <t>トウ</t>
    </rPh>
    <rPh sb="5" eb="6">
      <t>アヤマ</t>
    </rPh>
    <phoneticPr fontId="4"/>
  </si>
  <si>
    <t>支払手続が遅れる。
納付期限を過ぎた歳計外現金を、払出していない。
歳計外現金を納付期限を過ぎて納付する。</t>
    <rPh sb="10" eb="12">
      <t>ノウフ</t>
    </rPh>
    <rPh sb="12" eb="14">
      <t>キゲン</t>
    </rPh>
    <rPh sb="15" eb="16">
      <t>ス</t>
    </rPh>
    <rPh sb="18" eb="20">
      <t>サイケイ</t>
    </rPh>
    <rPh sb="20" eb="21">
      <t>ガイ</t>
    </rPh>
    <rPh sb="21" eb="23">
      <t>ゲンキン</t>
    </rPh>
    <rPh sb="25" eb="26">
      <t>ハラ</t>
    </rPh>
    <rPh sb="26" eb="27">
      <t>ダ</t>
    </rPh>
    <rPh sb="34" eb="36">
      <t>サイケイ</t>
    </rPh>
    <rPh sb="36" eb="37">
      <t>ガイ</t>
    </rPh>
    <rPh sb="37" eb="39">
      <t>ゲンキン</t>
    </rPh>
    <rPh sb="40" eb="42">
      <t>ノウフ</t>
    </rPh>
    <rPh sb="42" eb="44">
      <t>キゲン</t>
    </rPh>
    <rPh sb="45" eb="46">
      <t>ス</t>
    </rPh>
    <rPh sb="48" eb="50">
      <t>ノウフ</t>
    </rPh>
    <phoneticPr fontId="1"/>
  </si>
  <si>
    <t>預け金、差し替え、一括払い等、契約と異なる履行を行わせる。</t>
    <rPh sb="15" eb="17">
      <t>ケイヤク</t>
    </rPh>
    <rPh sb="18" eb="19">
      <t>コト</t>
    </rPh>
    <rPh sb="21" eb="23">
      <t>リコウ</t>
    </rPh>
    <phoneticPr fontId="1"/>
  </si>
  <si>
    <t>契約締結前に履行される。</t>
  </si>
  <si>
    <t>入札対象案件の設計金額の積算を誤る。</t>
    <rPh sb="0" eb="2">
      <t>ニュウサツ</t>
    </rPh>
    <rPh sb="2" eb="4">
      <t>タイショウ</t>
    </rPh>
    <rPh sb="4" eb="6">
      <t>アンケン</t>
    </rPh>
    <rPh sb="7" eb="9">
      <t>セッケイ</t>
    </rPh>
    <rPh sb="9" eb="11">
      <t>キンガク</t>
    </rPh>
    <rPh sb="12" eb="14">
      <t>セキサン</t>
    </rPh>
    <rPh sb="15" eb="16">
      <t>アヤマ</t>
    </rPh>
    <phoneticPr fontId="4"/>
  </si>
  <si>
    <t>入札公告を行う際に、
・必要な情報を開示しない。
・不必要な情報を記載する。
・仕様等の内容を誤って記載する。</t>
    <rPh sb="12" eb="14">
      <t>ヒツヨウ</t>
    </rPh>
    <rPh sb="15" eb="17">
      <t>ジョウホウ</t>
    </rPh>
    <rPh sb="18" eb="20">
      <t>カイジ</t>
    </rPh>
    <rPh sb="26" eb="29">
      <t>フヒツヨウ</t>
    </rPh>
    <rPh sb="30" eb="32">
      <t>ジョウホウ</t>
    </rPh>
    <rPh sb="33" eb="35">
      <t>キサイ</t>
    </rPh>
    <rPh sb="40" eb="42">
      <t>シヨウ</t>
    </rPh>
    <rPh sb="42" eb="43">
      <t>ナド</t>
    </rPh>
    <rPh sb="44" eb="46">
      <t>ナイヨウ</t>
    </rPh>
    <rPh sb="47" eb="48">
      <t>アヤマ</t>
    </rPh>
    <rPh sb="50" eb="52">
      <t>キサイ</t>
    </rPh>
    <phoneticPr fontId="1"/>
  </si>
  <si>
    <t>入札を執行する際に設定・入力を誤る。</t>
    <rPh sb="0" eb="2">
      <t>ニュウサツ</t>
    </rPh>
    <rPh sb="3" eb="5">
      <t>シッコウ</t>
    </rPh>
    <rPh sb="7" eb="8">
      <t>サイ</t>
    </rPh>
    <rPh sb="9" eb="11">
      <t>セッテイ</t>
    </rPh>
    <rPh sb="12" eb="14">
      <t>ニュウリョク</t>
    </rPh>
    <rPh sb="15" eb="16">
      <t>アヤマ</t>
    </rPh>
    <phoneticPr fontId="4"/>
  </si>
  <si>
    <t>工事で取得した重要物品を含め、新規に取得した重要物品の台帳登録を漏らす。
貸付けた重要物品の台帳登録を誤る。
不用決定した重要備品の払出しを漏らす。
重要物品の台帳登録価額を誤る。</t>
    <rPh sb="85" eb="86">
      <t>ガク</t>
    </rPh>
    <phoneticPr fontId="1"/>
  </si>
  <si>
    <t>境界標識等の設置を行わず、県有地の範囲が不明確である。
越境されていること（不法占用）が明確であるのに、適切な対応を行わない。</t>
    <rPh sb="0" eb="2">
      <t>キョウカイ</t>
    </rPh>
    <rPh sb="2" eb="4">
      <t>ヒョウシキ</t>
    </rPh>
    <rPh sb="4" eb="5">
      <t>トウ</t>
    </rPh>
    <rPh sb="6" eb="8">
      <t>セッチ</t>
    </rPh>
    <rPh sb="9" eb="10">
      <t>オコナ</t>
    </rPh>
    <rPh sb="13" eb="16">
      <t>ケンユウチ</t>
    </rPh>
    <rPh sb="17" eb="19">
      <t>ハンイ</t>
    </rPh>
    <rPh sb="20" eb="23">
      <t>フメイカク</t>
    </rPh>
    <rPh sb="28" eb="30">
      <t>エッキョウ</t>
    </rPh>
    <rPh sb="38" eb="40">
      <t>フホウ</t>
    </rPh>
    <rPh sb="40" eb="42">
      <t>センヨウ</t>
    </rPh>
    <rPh sb="44" eb="46">
      <t>メイカク</t>
    </rPh>
    <rPh sb="52" eb="54">
      <t>テキセツ</t>
    </rPh>
    <rPh sb="55" eb="57">
      <t>タイオウ</t>
    </rPh>
    <rPh sb="58" eb="59">
      <t>オコナ</t>
    </rPh>
    <phoneticPr fontId="1"/>
  </si>
  <si>
    <t>建物、工作物、立木の現状を、正確に把握せず、必要な安全対策を行わない。</t>
    <rPh sb="0" eb="2">
      <t>タテモノ</t>
    </rPh>
    <rPh sb="3" eb="6">
      <t>コウサクブツ</t>
    </rPh>
    <rPh sb="7" eb="9">
      <t>リュウボク</t>
    </rPh>
    <rPh sb="10" eb="12">
      <t>ゲンジョウ</t>
    </rPh>
    <rPh sb="14" eb="16">
      <t>セイカク</t>
    </rPh>
    <rPh sb="17" eb="19">
      <t>ハアク</t>
    </rPh>
    <rPh sb="22" eb="24">
      <t>ヒツヨウ</t>
    </rPh>
    <rPh sb="25" eb="27">
      <t>アンゼン</t>
    </rPh>
    <rPh sb="27" eb="29">
      <t>タイサク</t>
    </rPh>
    <rPh sb="30" eb="31">
      <t>オコナ</t>
    </rPh>
    <phoneticPr fontId="1"/>
  </si>
  <si>
    <t>消防法に基づく必要な消防用設備等の点検を適切に行わない。</t>
    <rPh sb="0" eb="3">
      <t>ショウボウホウ</t>
    </rPh>
    <rPh sb="4" eb="5">
      <t>モト</t>
    </rPh>
    <rPh sb="7" eb="9">
      <t>ヒツヨウ</t>
    </rPh>
    <rPh sb="10" eb="13">
      <t>ショウボウヨウ</t>
    </rPh>
    <rPh sb="13" eb="15">
      <t>セツビ</t>
    </rPh>
    <rPh sb="15" eb="16">
      <t>トウ</t>
    </rPh>
    <rPh sb="17" eb="19">
      <t>テンケン</t>
    </rPh>
    <rPh sb="20" eb="22">
      <t>テキセツ</t>
    </rPh>
    <rPh sb="23" eb="24">
      <t>オコナ</t>
    </rPh>
    <phoneticPr fontId="1"/>
  </si>
  <si>
    <t>アスベストの使用実態を把握せず、適切な管理や対策を行わない。</t>
    <rPh sb="6" eb="8">
      <t>シヨウ</t>
    </rPh>
    <rPh sb="8" eb="10">
      <t>ジッタイ</t>
    </rPh>
    <rPh sb="11" eb="13">
      <t>ハアク</t>
    </rPh>
    <rPh sb="16" eb="18">
      <t>テキセツ</t>
    </rPh>
    <rPh sb="19" eb="21">
      <t>カンリ</t>
    </rPh>
    <rPh sb="22" eb="24">
      <t>タイサク</t>
    </rPh>
    <rPh sb="25" eb="26">
      <t>オコナ</t>
    </rPh>
    <phoneticPr fontId="1"/>
  </si>
  <si>
    <t>適切に保安業務や鍵の管理、防火管理業務を行わない。</t>
    <rPh sb="0" eb="2">
      <t>テキセツ</t>
    </rPh>
    <rPh sb="5" eb="7">
      <t>ギョウム</t>
    </rPh>
    <rPh sb="8" eb="9">
      <t>カギ</t>
    </rPh>
    <rPh sb="10" eb="12">
      <t>カンリ</t>
    </rPh>
    <rPh sb="13" eb="15">
      <t>ボウカ</t>
    </rPh>
    <rPh sb="15" eb="17">
      <t>カンリ</t>
    </rPh>
    <rPh sb="17" eb="19">
      <t>ギョウム</t>
    </rPh>
    <rPh sb="20" eb="21">
      <t>オコナ</t>
    </rPh>
    <phoneticPr fontId="1"/>
  </si>
  <si>
    <t>施設使用許可、財産貸付け、譲渡、交換の手続を漏らす、または誤る。</t>
    <rPh sb="0" eb="2">
      <t>シセツ</t>
    </rPh>
    <rPh sb="7" eb="9">
      <t>ザイサン</t>
    </rPh>
    <rPh sb="9" eb="11">
      <t>カシツケ</t>
    </rPh>
    <rPh sb="13" eb="15">
      <t>ジョウト</t>
    </rPh>
    <rPh sb="16" eb="18">
      <t>コウカン</t>
    </rPh>
    <rPh sb="19" eb="21">
      <t>テツヅ</t>
    </rPh>
    <rPh sb="22" eb="23">
      <t>モ</t>
    </rPh>
    <rPh sb="29" eb="30">
      <t>アヤマ</t>
    </rPh>
    <phoneticPr fontId="1"/>
  </si>
  <si>
    <t>著作権等の利用許諾手続を漏らす、または誤る。</t>
    <phoneticPr fontId="1"/>
  </si>
  <si>
    <t>取得、処分、管理換え等に伴う台帳登録を漏らす、または誤る。</t>
    <rPh sb="0" eb="2">
      <t>シュトク</t>
    </rPh>
    <rPh sb="3" eb="5">
      <t>ショブン</t>
    </rPh>
    <rPh sb="6" eb="8">
      <t>カンリ</t>
    </rPh>
    <rPh sb="8" eb="9">
      <t>ガ</t>
    </rPh>
    <rPh sb="10" eb="11">
      <t>トウ</t>
    </rPh>
    <rPh sb="12" eb="13">
      <t>トモナ</t>
    </rPh>
    <rPh sb="14" eb="16">
      <t>ダイチョウ</t>
    </rPh>
    <rPh sb="16" eb="18">
      <t>トウロク</t>
    </rPh>
    <rPh sb="19" eb="20">
      <t>モ</t>
    </rPh>
    <rPh sb="26" eb="27">
      <t>アヤマ</t>
    </rPh>
    <phoneticPr fontId="1"/>
  </si>
  <si>
    <t>建築基準法に基づく定期点検を実施しない。また、実施して「要是正箇所」が把握できても、是正工事等を実施しない。</t>
    <phoneticPr fontId="1"/>
  </si>
  <si>
    <t>コンピュータシステムがウィルスに感染する。</t>
    <phoneticPr fontId="1"/>
  </si>
  <si>
    <t>私物の情報機器や外部記録媒体を業務で使用することで、情報漏えいを招く。</t>
    <rPh sb="0" eb="2">
      <t>シブツ</t>
    </rPh>
    <rPh sb="3" eb="5">
      <t>ジョウホウ</t>
    </rPh>
    <rPh sb="5" eb="7">
      <t>キキ</t>
    </rPh>
    <rPh sb="8" eb="10">
      <t>ガイブ</t>
    </rPh>
    <rPh sb="10" eb="12">
      <t>キロク</t>
    </rPh>
    <rPh sb="12" eb="14">
      <t>バイタイ</t>
    </rPh>
    <rPh sb="15" eb="17">
      <t>ギョウム</t>
    </rPh>
    <rPh sb="18" eb="20">
      <t>シヨウ</t>
    </rPh>
    <rPh sb="26" eb="28">
      <t>ジョウホウ</t>
    </rPh>
    <rPh sb="28" eb="29">
      <t>ロウ</t>
    </rPh>
    <rPh sb="32" eb="33">
      <t>マネ</t>
    </rPh>
    <phoneticPr fontId="1"/>
  </si>
  <si>
    <t>サポート切れＯＳやソフトウェアを利用し、外部からの攻撃に対する脆弱性を放置する。</t>
    <rPh sb="4" eb="5">
      <t>ギ</t>
    </rPh>
    <rPh sb="16" eb="18">
      <t>リヨウ</t>
    </rPh>
    <rPh sb="20" eb="22">
      <t>ガイブ</t>
    </rPh>
    <rPh sb="25" eb="27">
      <t>コウゲキ</t>
    </rPh>
    <rPh sb="28" eb="29">
      <t>タイ</t>
    </rPh>
    <rPh sb="31" eb="34">
      <t>ゼイジャクセイ</t>
    </rPh>
    <rPh sb="35" eb="37">
      <t>ホウチ</t>
    </rPh>
    <phoneticPr fontId="1"/>
  </si>
  <si>
    <t>ソフトウェアのライセンスを不適正に管理し、意図的にコピーを使用する。</t>
    <rPh sb="17" eb="19">
      <t>カンリ</t>
    </rPh>
    <rPh sb="21" eb="24">
      <t>イトテキ</t>
    </rPh>
    <rPh sb="29" eb="31">
      <t>シヨウ</t>
    </rPh>
    <phoneticPr fontId="1"/>
  </si>
  <si>
    <t>内部の人間（職員・業務受託事業者）が不正又は不適正に情報にアクセスし、重要情報を取得することにより、情報漏えいを招く。
重要情報の共有範囲を限定せず、取扱注意の認識が不十分なことにより情報漏えいを招く。</t>
    <rPh sb="0" eb="2">
      <t>ナイブ</t>
    </rPh>
    <rPh sb="3" eb="5">
      <t>ニンゲン</t>
    </rPh>
    <rPh sb="6" eb="8">
      <t>ショクイン</t>
    </rPh>
    <rPh sb="9" eb="11">
      <t>ギョウム</t>
    </rPh>
    <rPh sb="11" eb="13">
      <t>ジュタク</t>
    </rPh>
    <rPh sb="13" eb="16">
      <t>ジギョウシャ</t>
    </rPh>
    <rPh sb="18" eb="20">
      <t>フセイ</t>
    </rPh>
    <rPh sb="20" eb="21">
      <t>マタ</t>
    </rPh>
    <rPh sb="22" eb="25">
      <t>フテキセイ</t>
    </rPh>
    <rPh sb="26" eb="28">
      <t>ジョウホウ</t>
    </rPh>
    <rPh sb="35" eb="37">
      <t>ジュウヨウ</t>
    </rPh>
    <rPh sb="37" eb="39">
      <t>ジョウホウ</t>
    </rPh>
    <rPh sb="40" eb="42">
      <t>シュトク</t>
    </rPh>
    <rPh sb="50" eb="52">
      <t>ジョウホウ</t>
    </rPh>
    <rPh sb="52" eb="53">
      <t>ロウ</t>
    </rPh>
    <rPh sb="56" eb="57">
      <t>マネ</t>
    </rPh>
    <phoneticPr fontId="1"/>
  </si>
  <si>
    <t>離席時のパソコンのロックを行わず、情報が読み取れる状態で放置することにより、情報漏えいを招く。</t>
    <rPh sb="0" eb="2">
      <t>リセキ</t>
    </rPh>
    <rPh sb="2" eb="3">
      <t>ジ</t>
    </rPh>
    <rPh sb="13" eb="14">
      <t>オコナ</t>
    </rPh>
    <rPh sb="17" eb="19">
      <t>ジョウホウ</t>
    </rPh>
    <rPh sb="20" eb="21">
      <t>ヨ</t>
    </rPh>
    <rPh sb="22" eb="23">
      <t>ト</t>
    </rPh>
    <rPh sb="25" eb="27">
      <t>ジョウタイ</t>
    </rPh>
    <rPh sb="28" eb="30">
      <t>ホウチ</t>
    </rPh>
    <phoneticPr fontId="1"/>
  </si>
  <si>
    <t>県民、関係事業者、所属職員のマイナンバーを扱う所属において、マイナンバーの漏えい・紛失が発生する。</t>
    <rPh sb="0" eb="2">
      <t>ケンミン</t>
    </rPh>
    <rPh sb="3" eb="5">
      <t>カンケイ</t>
    </rPh>
    <rPh sb="5" eb="8">
      <t>ジギョウシャ</t>
    </rPh>
    <rPh sb="9" eb="11">
      <t>ショゾク</t>
    </rPh>
    <rPh sb="11" eb="13">
      <t>ショクイン</t>
    </rPh>
    <rPh sb="21" eb="22">
      <t>アツカ</t>
    </rPh>
    <rPh sb="23" eb="25">
      <t>ショゾク</t>
    </rPh>
    <rPh sb="37" eb="38">
      <t>ロウ</t>
    </rPh>
    <rPh sb="41" eb="43">
      <t>フンシツ</t>
    </rPh>
    <rPh sb="44" eb="46">
      <t>ハッセイ</t>
    </rPh>
    <phoneticPr fontId="1"/>
  </si>
  <si>
    <t>職員が不注意により個人情報等を外部に漏えいする。</t>
  </si>
  <si>
    <t>認証情報の不適正な管理により情報漏えいを招く。</t>
    <rPh sb="0" eb="2">
      <t>ニンショウ</t>
    </rPh>
    <rPh sb="2" eb="4">
      <t>ジョウホウ</t>
    </rPh>
    <rPh sb="9" eb="11">
      <t>カンリ</t>
    </rPh>
    <rPh sb="14" eb="16">
      <t>ジョウホウ</t>
    </rPh>
    <rPh sb="16" eb="17">
      <t>ロウ</t>
    </rPh>
    <rPh sb="20" eb="21">
      <t>マネ</t>
    </rPh>
    <phoneticPr fontId="1"/>
  </si>
  <si>
    <t>情報へのアクセス権の設定が不適正なため、情報漏えいや不正な情報取得を招く。</t>
    <rPh sb="0" eb="2">
      <t>ジョウホウ</t>
    </rPh>
    <rPh sb="8" eb="9">
      <t>ケン</t>
    </rPh>
    <rPh sb="10" eb="12">
      <t>セッテイ</t>
    </rPh>
    <rPh sb="20" eb="22">
      <t>ジョウホウ</t>
    </rPh>
    <rPh sb="22" eb="23">
      <t>ロウ</t>
    </rPh>
    <rPh sb="26" eb="28">
      <t>フセイ</t>
    </rPh>
    <rPh sb="29" eb="31">
      <t>ジョウホウ</t>
    </rPh>
    <rPh sb="31" eb="33">
      <t>シュトク</t>
    </rPh>
    <rPh sb="34" eb="35">
      <t>マネ</t>
    </rPh>
    <phoneticPr fontId="1"/>
  </si>
  <si>
    <t>モバイルＰＣ、ＵＳＢメモリ、公用携帯等を紛失し、情報漏えいを招く。</t>
    <rPh sb="14" eb="16">
      <t>コウヨウ</t>
    </rPh>
    <rPh sb="16" eb="18">
      <t>ケイタイ</t>
    </rPh>
    <rPh sb="18" eb="19">
      <t>トウ</t>
    </rPh>
    <rPh sb="20" eb="22">
      <t>フンシツ</t>
    </rPh>
    <rPh sb="24" eb="26">
      <t>ジョウホウ</t>
    </rPh>
    <rPh sb="26" eb="27">
      <t>ロウ</t>
    </rPh>
    <rPh sb="30" eb="31">
      <t>マネ</t>
    </rPh>
    <phoneticPr fontId="1"/>
  </si>
  <si>
    <t>外部記録媒体等を適正に管理していないことで、情報漏えいを招く。</t>
    <rPh sb="0" eb="2">
      <t>ガイブ</t>
    </rPh>
    <rPh sb="2" eb="4">
      <t>キロク</t>
    </rPh>
    <rPh sb="4" eb="6">
      <t>バイタイ</t>
    </rPh>
    <rPh sb="6" eb="7">
      <t>トウ</t>
    </rPh>
    <rPh sb="8" eb="10">
      <t>テキセイ</t>
    </rPh>
    <rPh sb="11" eb="13">
      <t>カンリ</t>
    </rPh>
    <rPh sb="22" eb="24">
      <t>ジョウホウ</t>
    </rPh>
    <rPh sb="24" eb="25">
      <t>ロウ</t>
    </rPh>
    <rPh sb="28" eb="29">
      <t>マネ</t>
    </rPh>
    <phoneticPr fontId="1"/>
  </si>
  <si>
    <t>実際に出張していないにもかかわらず、旅費を不正に受給する。</t>
    <rPh sb="0" eb="2">
      <t>ジッサイ</t>
    </rPh>
    <rPh sb="3" eb="5">
      <t>シュッチョウ</t>
    </rPh>
    <rPh sb="18" eb="20">
      <t>リョヒ</t>
    </rPh>
    <rPh sb="21" eb="23">
      <t>フセイ</t>
    </rPh>
    <rPh sb="24" eb="26">
      <t>ジュキュウ</t>
    </rPh>
    <phoneticPr fontId="1"/>
  </si>
  <si>
    <t>通勤届と異なる方法により通勤し、通勤手当を不正に受給する。</t>
    <rPh sb="0" eb="2">
      <t>ツウキン</t>
    </rPh>
    <rPh sb="2" eb="3">
      <t>トドケ</t>
    </rPh>
    <rPh sb="4" eb="5">
      <t>コト</t>
    </rPh>
    <rPh sb="7" eb="9">
      <t>ホウホウ</t>
    </rPh>
    <rPh sb="12" eb="14">
      <t>ツウキン</t>
    </rPh>
    <rPh sb="16" eb="18">
      <t>ツウキン</t>
    </rPh>
    <rPh sb="18" eb="20">
      <t>テアテ</t>
    </rPh>
    <rPh sb="21" eb="23">
      <t>フセイ</t>
    </rPh>
    <rPh sb="24" eb="26">
      <t>ジュキュウ</t>
    </rPh>
    <phoneticPr fontId="1"/>
  </si>
  <si>
    <t>公印取扱主任又は公印取扱補助員以外の者が公印を押す。
印影刷り込みをした原本、事前押印した文書を施錠できる場所に保管しない。
事前押印した文書があるが、施行管理簿を作成していない。</t>
    <phoneticPr fontId="1"/>
  </si>
  <si>
    <t>公文書の適切な管理をしていなかったために、書類を紛失、誤廃棄する。
図面や情報の適切な管理、事務引継ぎを行わない。</t>
    <phoneticPr fontId="1"/>
  </si>
  <si>
    <t>担当者が業務を抱え込み、処理期限を過ぎる。</t>
  </si>
  <si>
    <t>・条例等の改正時に、条ずれによる引用条項の改正を漏らす。
・法令等の解釈を誤ることで、改正すべき条例等の内容を誤る。</t>
    <rPh sb="34" eb="36">
      <t>カイシャク</t>
    </rPh>
    <rPh sb="50" eb="51">
      <t>トウ</t>
    </rPh>
    <phoneticPr fontId="1"/>
  </si>
  <si>
    <t>他の職員名義で作成した書類に同名の印鑑を押印したり、賃貸借契約書の支払期限を改ざんするなど、書類を偽造する。
決裁後の文書に、決裁権者が了解していない事項や文書を意図的に加えて施行する。</t>
    <rPh sb="0" eb="1">
      <t>タ</t>
    </rPh>
    <rPh sb="2" eb="4">
      <t>ショクイン</t>
    </rPh>
    <rPh sb="4" eb="6">
      <t>メイギ</t>
    </rPh>
    <rPh sb="7" eb="9">
      <t>サクセイ</t>
    </rPh>
    <rPh sb="11" eb="13">
      <t>ショルイ</t>
    </rPh>
    <rPh sb="14" eb="16">
      <t>ドウメイ</t>
    </rPh>
    <rPh sb="17" eb="19">
      <t>インカン</t>
    </rPh>
    <rPh sb="20" eb="22">
      <t>オウイン</t>
    </rPh>
    <rPh sb="26" eb="29">
      <t>チンタイシャク</t>
    </rPh>
    <rPh sb="29" eb="32">
      <t>ケイヤクショ</t>
    </rPh>
    <rPh sb="33" eb="35">
      <t>シハライ</t>
    </rPh>
    <rPh sb="35" eb="37">
      <t>キゲン</t>
    </rPh>
    <rPh sb="38" eb="39">
      <t>カイ</t>
    </rPh>
    <rPh sb="46" eb="48">
      <t>ショルイ</t>
    </rPh>
    <rPh sb="49" eb="51">
      <t>ギゾウ</t>
    </rPh>
    <phoneticPr fontId="1"/>
  </si>
  <si>
    <t>個別</t>
    <rPh sb="0" eb="2">
      <t>コベツ</t>
    </rPh>
    <phoneticPr fontId="1"/>
  </si>
  <si>
    <t>会計局指導課
下水道課</t>
    <rPh sb="0" eb="2">
      <t>カイケイ</t>
    </rPh>
    <rPh sb="2" eb="3">
      <t>キョク</t>
    </rPh>
    <rPh sb="3" eb="5">
      <t>シドウ</t>
    </rPh>
    <rPh sb="5" eb="6">
      <t>カ</t>
    </rPh>
    <rPh sb="7" eb="11">
      <t>ゲスイドウカ</t>
    </rPh>
    <phoneticPr fontId="4"/>
  </si>
  <si>
    <t>会計局指導課</t>
    <rPh sb="0" eb="2">
      <t>カイケイ</t>
    </rPh>
    <rPh sb="2" eb="3">
      <t>キョク</t>
    </rPh>
    <rPh sb="3" eb="5">
      <t>シドウ</t>
    </rPh>
    <rPh sb="5" eb="6">
      <t>カ</t>
    </rPh>
    <phoneticPr fontId="4"/>
  </si>
  <si>
    <t>主な
対象所属</t>
    <rPh sb="0" eb="1">
      <t>オモ</t>
    </rPh>
    <rPh sb="3" eb="5">
      <t>タイショウ</t>
    </rPh>
    <rPh sb="5" eb="7">
      <t>ショゾク</t>
    </rPh>
    <phoneticPr fontId="1"/>
  </si>
  <si>
    <t>通知等の記載を誤る。
チラシ、HP等に載せる電話番号等を誤る。</t>
    <rPh sb="0" eb="2">
      <t>ツウチ</t>
    </rPh>
    <rPh sb="2" eb="3">
      <t>トウ</t>
    </rPh>
    <rPh sb="4" eb="6">
      <t>キサイ</t>
    </rPh>
    <rPh sb="7" eb="8">
      <t>アヤマ</t>
    </rPh>
    <phoneticPr fontId="1"/>
  </si>
  <si>
    <t>担当G
担当課</t>
    <rPh sb="0" eb="2">
      <t>タントウ</t>
    </rPh>
    <rPh sb="4" eb="7">
      <t>タントウカ</t>
    </rPh>
    <phoneticPr fontId="1"/>
  </si>
  <si>
    <t>担当者名</t>
    <rPh sb="0" eb="3">
      <t>タントウシャ</t>
    </rPh>
    <rPh sb="3" eb="4">
      <t>メイ</t>
    </rPh>
    <phoneticPr fontId="1"/>
  </si>
  <si>
    <t>電話番号
（内線）</t>
    <rPh sb="0" eb="2">
      <t>デンワ</t>
    </rPh>
    <rPh sb="2" eb="4">
      <t>バンゴウ</t>
    </rPh>
    <rPh sb="6" eb="8">
      <t>ナイセン</t>
    </rPh>
    <phoneticPr fontId="1"/>
  </si>
  <si>
    <t>所属正式名称</t>
  </si>
  <si>
    <t>1197</t>
  </si>
  <si>
    <t>知事室</t>
  </si>
  <si>
    <t>0125</t>
  </si>
  <si>
    <t>いのち・未来戦略本部室</t>
  </si>
  <si>
    <t>0101</t>
  </si>
  <si>
    <t>1160</t>
  </si>
  <si>
    <t>東京事務所</t>
  </si>
  <si>
    <t>1169</t>
  </si>
  <si>
    <t>統計センター</t>
  </si>
  <si>
    <t>0102</t>
  </si>
  <si>
    <t>総合政策課</t>
  </si>
  <si>
    <t>0104</t>
  </si>
  <si>
    <t>土地水資源対策課</t>
  </si>
  <si>
    <t>0217</t>
  </si>
  <si>
    <t>情報公開広聴課</t>
  </si>
  <si>
    <t>0223</t>
  </si>
  <si>
    <t>ＮＰＯ協働推進課</t>
  </si>
  <si>
    <t>0115</t>
  </si>
  <si>
    <t>政策法務課</t>
  </si>
  <si>
    <t>0219</t>
  </si>
  <si>
    <t>公文書館</t>
  </si>
  <si>
    <t>0051</t>
  </si>
  <si>
    <t>かながわ県民活動サポートセンター</t>
  </si>
  <si>
    <t>0103</t>
  </si>
  <si>
    <t>市町村課</t>
  </si>
  <si>
    <t>0111</t>
  </si>
  <si>
    <t>広域連携課</t>
  </si>
  <si>
    <t>0602</t>
  </si>
  <si>
    <t>地域政策課</t>
  </si>
  <si>
    <t>0112</t>
  </si>
  <si>
    <t>基地対策課</t>
  </si>
  <si>
    <t>1100</t>
  </si>
  <si>
    <t>1120</t>
  </si>
  <si>
    <t>横浜県税事務所</t>
  </si>
  <si>
    <t>1121</t>
  </si>
  <si>
    <t>神奈川県税事務所</t>
  </si>
  <si>
    <t>1144</t>
  </si>
  <si>
    <t>緑県税事務所</t>
  </si>
  <si>
    <t>1139</t>
  </si>
  <si>
    <t>戸塚県税事務所</t>
  </si>
  <si>
    <t>1126</t>
  </si>
  <si>
    <t>川崎県税事務所</t>
  </si>
  <si>
    <t>1127</t>
  </si>
  <si>
    <t>高津県税事務所</t>
  </si>
  <si>
    <t>1130</t>
  </si>
  <si>
    <t>相模原県税事務所</t>
  </si>
  <si>
    <t>1136</t>
  </si>
  <si>
    <t>相模原県税事務所津久井支所</t>
  </si>
  <si>
    <t>1125</t>
  </si>
  <si>
    <t>横須賀県税事務所</t>
  </si>
  <si>
    <t>1132</t>
  </si>
  <si>
    <t>平塚県税事務所</t>
  </si>
  <si>
    <t>1129</t>
  </si>
  <si>
    <t>藤沢県税事務所</t>
  </si>
  <si>
    <t>1133</t>
  </si>
  <si>
    <t>小田原県税事務所</t>
  </si>
  <si>
    <t>1134</t>
  </si>
  <si>
    <t>厚木県税事務所</t>
  </si>
  <si>
    <t>1137</t>
  </si>
  <si>
    <t>自動車税管理事務所</t>
  </si>
  <si>
    <t>0107</t>
  </si>
  <si>
    <t>デジタル戦略本部室</t>
  </si>
  <si>
    <t>1101</t>
  </si>
  <si>
    <t>人事課</t>
  </si>
  <si>
    <t>1102</t>
  </si>
  <si>
    <t>行政管理課</t>
  </si>
  <si>
    <t>1167</t>
  </si>
  <si>
    <t>職員厚生課</t>
  </si>
  <si>
    <t>1108</t>
  </si>
  <si>
    <t>文書課</t>
  </si>
  <si>
    <t>1106</t>
  </si>
  <si>
    <t>給与事務センター</t>
  </si>
  <si>
    <t>1103</t>
  </si>
  <si>
    <t>財政課</t>
  </si>
  <si>
    <t>1104</t>
  </si>
  <si>
    <t>税制企画課</t>
  </si>
  <si>
    <t>0117</t>
  </si>
  <si>
    <t>税務指導課</t>
  </si>
  <si>
    <t>1170</t>
  </si>
  <si>
    <t>財産経営課</t>
  </si>
  <si>
    <t>1171</t>
  </si>
  <si>
    <t>庁舎管理課</t>
  </si>
  <si>
    <t>0305</t>
  </si>
  <si>
    <t>0311</t>
  </si>
  <si>
    <t>危機管理防災課</t>
  </si>
  <si>
    <t>0313</t>
  </si>
  <si>
    <t>消防保安課</t>
  </si>
  <si>
    <t>0325</t>
  </si>
  <si>
    <t>温泉地学研究所</t>
  </si>
  <si>
    <t>0341</t>
  </si>
  <si>
    <t>総合防災センター</t>
  </si>
  <si>
    <t>0340</t>
  </si>
  <si>
    <t>消防学校</t>
  </si>
  <si>
    <t>0222</t>
  </si>
  <si>
    <t>くらし安全交通課</t>
  </si>
  <si>
    <t>0207</t>
  </si>
  <si>
    <t>消費生活課</t>
  </si>
  <si>
    <t>0228</t>
  </si>
  <si>
    <t>0215</t>
  </si>
  <si>
    <t>国際課</t>
  </si>
  <si>
    <t>2315</t>
  </si>
  <si>
    <t>パスポートセンター</t>
  </si>
  <si>
    <t>2317</t>
  </si>
  <si>
    <t>パスポートセンター川崎支所</t>
  </si>
  <si>
    <t>2316</t>
  </si>
  <si>
    <t>パスポートセンター県央支所</t>
  </si>
  <si>
    <t>0204</t>
  </si>
  <si>
    <t>文化課</t>
  </si>
  <si>
    <t>0618</t>
  </si>
  <si>
    <t>観光課</t>
  </si>
  <si>
    <t>0802</t>
  </si>
  <si>
    <t>スポーツ課</t>
  </si>
  <si>
    <t>0806</t>
  </si>
  <si>
    <t>スポーツセンター</t>
  </si>
  <si>
    <t>0501</t>
  </si>
  <si>
    <t>0504</t>
  </si>
  <si>
    <t>資源循環推進課</t>
  </si>
  <si>
    <t>0323</t>
  </si>
  <si>
    <t>環境科学センター</t>
  </si>
  <si>
    <t>0505</t>
  </si>
  <si>
    <t>自然環境保全課</t>
  </si>
  <si>
    <t>0517</t>
  </si>
  <si>
    <t>水源環境保全課</t>
  </si>
  <si>
    <t>0506</t>
  </si>
  <si>
    <t>森林再生課</t>
  </si>
  <si>
    <t>1644</t>
  </si>
  <si>
    <t>自然環境保全センター</t>
  </si>
  <si>
    <t>0519</t>
  </si>
  <si>
    <t>農政課</t>
  </si>
  <si>
    <t>0520</t>
  </si>
  <si>
    <t>農業振興課</t>
  </si>
  <si>
    <t>0509</t>
  </si>
  <si>
    <t>農地課</t>
  </si>
  <si>
    <t>0510</t>
  </si>
  <si>
    <t>畜産課</t>
  </si>
  <si>
    <t>0511</t>
  </si>
  <si>
    <t>水産課</t>
  </si>
  <si>
    <t>1640</t>
  </si>
  <si>
    <t>横浜川崎地区農政事務所</t>
  </si>
  <si>
    <t>1611</t>
  </si>
  <si>
    <t>農業技術センター</t>
  </si>
  <si>
    <t>1618</t>
  </si>
  <si>
    <t>農業技術センター横浜川崎地区事務所</t>
  </si>
  <si>
    <t>1617</t>
  </si>
  <si>
    <t>農業技術センター北相地区事務所</t>
  </si>
  <si>
    <t>1615</t>
  </si>
  <si>
    <t>農業技術センター三浦半島地区事務所</t>
  </si>
  <si>
    <t>1614</t>
  </si>
  <si>
    <t>農業技術センター足柄地区事務所</t>
  </si>
  <si>
    <t>1624</t>
  </si>
  <si>
    <t>かながわ農業アカデミー</t>
  </si>
  <si>
    <t>1622</t>
  </si>
  <si>
    <t>畜産技術センター</t>
  </si>
  <si>
    <t>1714</t>
  </si>
  <si>
    <t>県央家畜保健衛生所</t>
  </si>
  <si>
    <t>1711</t>
  </si>
  <si>
    <t>湘南家畜保健衛生所</t>
  </si>
  <si>
    <t>1730</t>
  </si>
  <si>
    <t>水産技術センター</t>
  </si>
  <si>
    <t>1734</t>
  </si>
  <si>
    <t>水産技術センター内水面試験場</t>
  </si>
  <si>
    <t>1732</t>
  </si>
  <si>
    <t>水産技術センター相模湾試験場</t>
  </si>
  <si>
    <t>1740</t>
  </si>
  <si>
    <t>東部漁港事務所</t>
  </si>
  <si>
    <t>1741</t>
  </si>
  <si>
    <t>西部漁港事務所</t>
  </si>
  <si>
    <t>0200</t>
  </si>
  <si>
    <t>1334</t>
  </si>
  <si>
    <t>共生推進本部室</t>
  </si>
  <si>
    <t>0050</t>
  </si>
  <si>
    <t>かながわ男女共同参画センター</t>
  </si>
  <si>
    <t>1330</t>
  </si>
  <si>
    <t>1386</t>
  </si>
  <si>
    <t>次世代育成課</t>
  </si>
  <si>
    <t>1395</t>
  </si>
  <si>
    <t>子ども家庭課</t>
  </si>
  <si>
    <t>0214</t>
  </si>
  <si>
    <t>青少年課</t>
  </si>
  <si>
    <t>0203</t>
  </si>
  <si>
    <t>私学振興課</t>
  </si>
  <si>
    <t>1340</t>
  </si>
  <si>
    <t>中央児童相談所</t>
  </si>
  <si>
    <t>1346</t>
  </si>
  <si>
    <t>平塚児童相談所</t>
  </si>
  <si>
    <t>1341</t>
  </si>
  <si>
    <t>鎌倉三浦地域児童相談所</t>
  </si>
  <si>
    <t>1343</t>
  </si>
  <si>
    <t>小田原児童相談所</t>
  </si>
  <si>
    <t>1345</t>
  </si>
  <si>
    <t>厚木児童相談所</t>
  </si>
  <si>
    <t>1342</t>
  </si>
  <si>
    <t>大和綾瀬地域児童相談所</t>
  </si>
  <si>
    <t>1329</t>
  </si>
  <si>
    <t>子ども自立生活支援センター</t>
  </si>
  <si>
    <t>1353</t>
  </si>
  <si>
    <t>おおいそ学園</t>
  </si>
  <si>
    <t>0230</t>
  </si>
  <si>
    <t>青少年センター</t>
  </si>
  <si>
    <t>1321</t>
  </si>
  <si>
    <t>地域福祉課</t>
  </si>
  <si>
    <t>1393</t>
  </si>
  <si>
    <t>高齢福祉課</t>
  </si>
  <si>
    <t>1309</t>
  </si>
  <si>
    <t>障害福祉課</t>
  </si>
  <si>
    <t>1333</t>
  </si>
  <si>
    <t>障害サービス課</t>
  </si>
  <si>
    <t>1305</t>
  </si>
  <si>
    <t>生活援護課</t>
  </si>
  <si>
    <t>1359</t>
  </si>
  <si>
    <t>総合療育相談センター</t>
  </si>
  <si>
    <t>1323</t>
  </si>
  <si>
    <t>さがみ緑風園</t>
  </si>
  <si>
    <t>1356</t>
  </si>
  <si>
    <t>中井やまゆり園</t>
  </si>
  <si>
    <t>1397</t>
  </si>
  <si>
    <t>1540</t>
  </si>
  <si>
    <t>衛生研究所</t>
  </si>
  <si>
    <t>1577</t>
  </si>
  <si>
    <t>平塚保健福祉事務所</t>
  </si>
  <si>
    <t>1586</t>
  </si>
  <si>
    <t>平塚保健福祉事務所秦野センター</t>
  </si>
  <si>
    <t>1583</t>
  </si>
  <si>
    <t>平塚保健福祉事務所茅ケ崎支所</t>
  </si>
  <si>
    <t>1578</t>
  </si>
  <si>
    <t>鎌倉保健福祉事務所</t>
  </si>
  <si>
    <t>1585</t>
  </si>
  <si>
    <t>鎌倉保健福祉事務所三崎センター</t>
  </si>
  <si>
    <t>1582</t>
  </si>
  <si>
    <t>小田原保健福祉事務所</t>
  </si>
  <si>
    <t>1589</t>
  </si>
  <si>
    <t>小田原保健福祉事務所足柄上センター</t>
  </si>
  <si>
    <t>1587</t>
  </si>
  <si>
    <t>厚木保健福祉事務所</t>
  </si>
  <si>
    <t>1588</t>
  </si>
  <si>
    <t>厚木保健福祉事務所大和センター</t>
  </si>
  <si>
    <t>1369</t>
  </si>
  <si>
    <t>1319</t>
  </si>
  <si>
    <t>県立病院課</t>
  </si>
  <si>
    <t>1512</t>
  </si>
  <si>
    <t>煤ケ谷診療所</t>
  </si>
  <si>
    <t>1507</t>
  </si>
  <si>
    <t>1385</t>
  </si>
  <si>
    <t>医療保険課</t>
  </si>
  <si>
    <t>1504</t>
  </si>
  <si>
    <t>健康増進課</t>
  </si>
  <si>
    <t>1383</t>
  </si>
  <si>
    <t>がん・疾病対策課</t>
  </si>
  <si>
    <t>1533</t>
  </si>
  <si>
    <t>衛生看護専門学校</t>
  </si>
  <si>
    <t>1569</t>
  </si>
  <si>
    <t>よこはま看護専門学校</t>
  </si>
  <si>
    <t>1532</t>
  </si>
  <si>
    <t>平塚看護大学校</t>
  </si>
  <si>
    <t>1590</t>
  </si>
  <si>
    <t>精神保健福祉センター</t>
  </si>
  <si>
    <t>1575</t>
  </si>
  <si>
    <t>生活衛生課</t>
  </si>
  <si>
    <t>1505</t>
  </si>
  <si>
    <t>薬務課</t>
  </si>
  <si>
    <t>1572</t>
  </si>
  <si>
    <t>食肉衛生検査所</t>
  </si>
  <si>
    <t>1594</t>
  </si>
  <si>
    <t>動物愛護センター</t>
  </si>
  <si>
    <t>0600</t>
  </si>
  <si>
    <t>1827</t>
  </si>
  <si>
    <t>計量検定所</t>
  </si>
  <si>
    <t>0604</t>
  </si>
  <si>
    <t>産業振興課</t>
  </si>
  <si>
    <t>0612</t>
  </si>
  <si>
    <t>企業誘致・国際ビジネス課</t>
  </si>
  <si>
    <t>0601</t>
  </si>
  <si>
    <t>中小企業支援課</t>
  </si>
  <si>
    <t>0603</t>
  </si>
  <si>
    <t>商業流通課</t>
  </si>
  <si>
    <t>0605</t>
  </si>
  <si>
    <t>金融課</t>
  </si>
  <si>
    <t>0607</t>
  </si>
  <si>
    <t>雇用労政課</t>
  </si>
  <si>
    <t>0606</t>
  </si>
  <si>
    <t>産業人材課</t>
  </si>
  <si>
    <t>1480</t>
  </si>
  <si>
    <t>かながわ労働センター</t>
  </si>
  <si>
    <t>1482</t>
  </si>
  <si>
    <t>かながわ労働センター川崎支所</t>
  </si>
  <si>
    <t>1490</t>
  </si>
  <si>
    <t>かながわ労働センター県央支所</t>
  </si>
  <si>
    <t>1491</t>
  </si>
  <si>
    <t>かながわ労働センター湘南支所</t>
  </si>
  <si>
    <t>1422</t>
  </si>
  <si>
    <t>障害者雇用促進センター</t>
  </si>
  <si>
    <t>1465</t>
  </si>
  <si>
    <t>産業技術短期大学校</t>
  </si>
  <si>
    <t>1467</t>
  </si>
  <si>
    <t>東部総合職業技術校</t>
  </si>
  <si>
    <t>1468</t>
  </si>
  <si>
    <t>東部総合職業技術校二俣川支所</t>
  </si>
  <si>
    <t>1469</t>
  </si>
  <si>
    <t>西部総合職業技術校</t>
  </si>
  <si>
    <t>1460</t>
  </si>
  <si>
    <t>神奈川障害者職業能力開発校</t>
  </si>
  <si>
    <t>0700</t>
  </si>
  <si>
    <t>1910</t>
  </si>
  <si>
    <t>横須賀土木事務所</t>
  </si>
  <si>
    <t>1912</t>
  </si>
  <si>
    <t>平塚土木事務所</t>
  </si>
  <si>
    <t>1913</t>
  </si>
  <si>
    <t>藤沢土木事務所</t>
  </si>
  <si>
    <t>1915</t>
  </si>
  <si>
    <t>厚木土木事務所</t>
  </si>
  <si>
    <t>1918</t>
  </si>
  <si>
    <t>厚木土木事務所東部センター</t>
  </si>
  <si>
    <t>1917</t>
  </si>
  <si>
    <t>厚木土木事務所津久井治水センター</t>
  </si>
  <si>
    <t>1916</t>
  </si>
  <si>
    <t>県西土木事務所</t>
  </si>
  <si>
    <t>1914</t>
  </si>
  <si>
    <t>県西土木事務所小田原土木センター</t>
  </si>
  <si>
    <t>1945</t>
  </si>
  <si>
    <t>横浜川崎治水事務所</t>
  </si>
  <si>
    <t>1911</t>
  </si>
  <si>
    <t>横浜川崎治水事務所川崎治水センター</t>
  </si>
  <si>
    <t>1920</t>
  </si>
  <si>
    <t>リニア中央新幹線推進事務所</t>
  </si>
  <si>
    <t>0422</t>
  </si>
  <si>
    <t>流域下水道整備事務所</t>
  </si>
  <si>
    <t>1919</t>
  </si>
  <si>
    <t>住宅営繕事務所</t>
  </si>
  <si>
    <t>1966</t>
  </si>
  <si>
    <t>城山ダム管理事務所</t>
  </si>
  <si>
    <t>1965</t>
  </si>
  <si>
    <t>三保ダム管理事務所</t>
  </si>
  <si>
    <t>0701</t>
  </si>
  <si>
    <t>県土整備経理課</t>
  </si>
  <si>
    <t>0707</t>
  </si>
  <si>
    <t>建設業課</t>
  </si>
  <si>
    <t>0703</t>
  </si>
  <si>
    <t>用地課</t>
  </si>
  <si>
    <t>0704</t>
  </si>
  <si>
    <t>都市計画課</t>
  </si>
  <si>
    <t>0702</t>
  </si>
  <si>
    <t>技術管理課</t>
  </si>
  <si>
    <t>0715</t>
  </si>
  <si>
    <t>環境共生都市課</t>
  </si>
  <si>
    <t>0716</t>
  </si>
  <si>
    <t>0705</t>
  </si>
  <si>
    <t>都市整備課</t>
  </si>
  <si>
    <t>0717</t>
  </si>
  <si>
    <t>都市公園課</t>
  </si>
  <si>
    <t>0718</t>
  </si>
  <si>
    <t>道路企画課</t>
  </si>
  <si>
    <t>0708</t>
  </si>
  <si>
    <t>道路管理課</t>
  </si>
  <si>
    <t>0709</t>
  </si>
  <si>
    <t>道路整備課</t>
  </si>
  <si>
    <t>0711</t>
  </si>
  <si>
    <t>河港課</t>
  </si>
  <si>
    <t>0712</t>
  </si>
  <si>
    <t>砂防課</t>
  </si>
  <si>
    <t>0710</t>
  </si>
  <si>
    <t>下水道課</t>
  </si>
  <si>
    <t>0720</t>
  </si>
  <si>
    <t>住宅計画課</t>
  </si>
  <si>
    <t>0714</t>
  </si>
  <si>
    <t>公共住宅課</t>
  </si>
  <si>
    <t>0706</t>
  </si>
  <si>
    <t>建築指導課</t>
  </si>
  <si>
    <t>0721</t>
  </si>
  <si>
    <t>建築安全課</t>
  </si>
  <si>
    <t>1172</t>
  </si>
  <si>
    <t>営繕計画課</t>
  </si>
  <si>
    <t>2103</t>
  </si>
  <si>
    <t>会計課</t>
  </si>
  <si>
    <t>2105</t>
  </si>
  <si>
    <t>指導課</t>
  </si>
  <si>
    <t>2101</t>
  </si>
  <si>
    <t>調達課</t>
  </si>
  <si>
    <t>0022</t>
  </si>
  <si>
    <t>横須賀三浦地域県政総合センター</t>
  </si>
  <si>
    <t>0023</t>
  </si>
  <si>
    <t>県央地域県政総合センター</t>
  </si>
  <si>
    <t>0024</t>
  </si>
  <si>
    <t>湘南地域県政総合センター</t>
  </si>
  <si>
    <t>0026</t>
  </si>
  <si>
    <t>県西地域県政総合センター</t>
  </si>
  <si>
    <t>9301</t>
  </si>
  <si>
    <t>労働委員会事務局</t>
  </si>
  <si>
    <t>9311</t>
  </si>
  <si>
    <t>審査調整課</t>
  </si>
  <si>
    <t>9600</t>
  </si>
  <si>
    <t>収用委員会事務局</t>
  </si>
  <si>
    <t>3001</t>
  </si>
  <si>
    <t>3002</t>
  </si>
  <si>
    <t>財務課</t>
  </si>
  <si>
    <t>3007</t>
  </si>
  <si>
    <t>3003</t>
  </si>
  <si>
    <t>財産管理課</t>
  </si>
  <si>
    <t>3008</t>
  </si>
  <si>
    <t>情報管理課</t>
  </si>
  <si>
    <t>3151</t>
  </si>
  <si>
    <t>経営課</t>
  </si>
  <si>
    <t>3152</t>
  </si>
  <si>
    <t>計画課</t>
  </si>
  <si>
    <t>3153</t>
  </si>
  <si>
    <t>水道施設課</t>
  </si>
  <si>
    <t>3155</t>
  </si>
  <si>
    <t>浄水課</t>
  </si>
  <si>
    <t>3110</t>
  </si>
  <si>
    <t>相模原水道営業所</t>
  </si>
  <si>
    <t>3119</t>
  </si>
  <si>
    <t>相模原南水道営業所</t>
  </si>
  <si>
    <t>3122</t>
  </si>
  <si>
    <t>津久井水道営業所</t>
  </si>
  <si>
    <t>3112</t>
  </si>
  <si>
    <t>鎌倉水道営業所</t>
  </si>
  <si>
    <t>3113</t>
  </si>
  <si>
    <t>藤沢水道営業所</t>
  </si>
  <si>
    <t>3114</t>
  </si>
  <si>
    <t>茅ケ崎水道営業所</t>
  </si>
  <si>
    <t>3115</t>
  </si>
  <si>
    <t>平塚水道営業所</t>
  </si>
  <si>
    <t>3117</t>
  </si>
  <si>
    <t>厚木水道営業所</t>
  </si>
  <si>
    <t>3126</t>
  </si>
  <si>
    <t>海老名水道営業所</t>
  </si>
  <si>
    <t>3116</t>
  </si>
  <si>
    <t>大和水道営業所</t>
  </si>
  <si>
    <t>3120</t>
  </si>
  <si>
    <t>寒川浄水場</t>
  </si>
  <si>
    <t>3121</t>
  </si>
  <si>
    <t>谷ケ原浄水場</t>
  </si>
  <si>
    <t>3140</t>
  </si>
  <si>
    <t>水道水質センター</t>
  </si>
  <si>
    <t>3204</t>
  </si>
  <si>
    <t>利水課</t>
  </si>
  <si>
    <t>3205</t>
  </si>
  <si>
    <t>発電課</t>
  </si>
  <si>
    <t>3010</t>
  </si>
  <si>
    <t>相模川水系ダム管理事務所</t>
  </si>
  <si>
    <t>3011</t>
  </si>
  <si>
    <t>酒匂川水系ダム管理事務所</t>
  </si>
  <si>
    <t>3212</t>
  </si>
  <si>
    <t>相模川発電管理事務所</t>
  </si>
  <si>
    <t>3226</t>
  </si>
  <si>
    <t>発電総合制御所</t>
  </si>
  <si>
    <t>9011</t>
  </si>
  <si>
    <t>9014</t>
  </si>
  <si>
    <t>経理課</t>
  </si>
  <si>
    <t>9001</t>
  </si>
  <si>
    <t>議会局</t>
  </si>
  <si>
    <t>9012</t>
  </si>
  <si>
    <t>議事課</t>
  </si>
  <si>
    <t>9013</t>
  </si>
  <si>
    <t>政策調査課</t>
  </si>
  <si>
    <t>9101</t>
  </si>
  <si>
    <t>人事委員会事務局</t>
  </si>
  <si>
    <t>9111</t>
  </si>
  <si>
    <t>9114</t>
  </si>
  <si>
    <t>給与公平課</t>
  </si>
  <si>
    <t>9201</t>
  </si>
  <si>
    <t>監査事務局</t>
  </si>
  <si>
    <t>9211</t>
  </si>
  <si>
    <t>9212</t>
  </si>
  <si>
    <t>監査課</t>
  </si>
  <si>
    <t>9400</t>
  </si>
  <si>
    <t>選挙管理委員会</t>
  </si>
  <si>
    <t>9500</t>
  </si>
  <si>
    <t>神奈川海区漁業調整委員会事務局</t>
  </si>
  <si>
    <t>9510</t>
  </si>
  <si>
    <t>内水面漁場管理委員会事務局</t>
  </si>
  <si>
    <t>別添１</t>
    <rPh sb="0" eb="2">
      <t>ベッテン</t>
    </rPh>
    <phoneticPr fontId="1"/>
  </si>
  <si>
    <r>
      <t xml:space="preserve">・個人情報の保護に関する法律
・県の各機関の個人情報等取扱事務要綱
・情報セキュリティ監査
・情報セキュリティ研修
</t>
    </r>
    <r>
      <rPr>
        <sz val="11"/>
        <rFont val="ＭＳ 明朝"/>
        <family val="1"/>
        <charset val="128"/>
      </rPr>
      <t>・個人点検シート</t>
    </r>
    <rPh sb="9" eb="10">
      <t>カン</t>
    </rPh>
    <rPh sb="12" eb="14">
      <t>ホウリツ</t>
    </rPh>
    <rPh sb="16" eb="17">
      <t>ケン</t>
    </rPh>
    <rPh sb="18" eb="19">
      <t>カク</t>
    </rPh>
    <rPh sb="35" eb="37">
      <t>ジョウホウ</t>
    </rPh>
    <rPh sb="43" eb="45">
      <t>カンサ</t>
    </rPh>
    <rPh sb="47" eb="49">
      <t>ジョウホウ</t>
    </rPh>
    <rPh sb="55" eb="57">
      <t>ケンシュウ</t>
    </rPh>
    <rPh sb="59" eb="61">
      <t>コジン</t>
    </rPh>
    <rPh sb="61" eb="63">
      <t>テンケン</t>
    </rPh>
    <phoneticPr fontId="1"/>
  </si>
  <si>
    <t>在籍所属C</t>
  </si>
  <si>
    <t>0522</t>
  </si>
  <si>
    <t>0523</t>
  </si>
  <si>
    <t>1336</t>
  </si>
  <si>
    <t>4001</t>
  </si>
  <si>
    <t>4019</t>
  </si>
  <si>
    <t>4000</t>
  </si>
  <si>
    <t>4021</t>
  </si>
  <si>
    <t>4003</t>
  </si>
  <si>
    <t>4023</t>
  </si>
  <si>
    <t>4004</t>
  </si>
  <si>
    <t>4025</t>
  </si>
  <si>
    <t>4008</t>
  </si>
  <si>
    <t>4027</t>
  </si>
  <si>
    <t>4012</t>
  </si>
  <si>
    <t>4028</t>
  </si>
  <si>
    <t>4018</t>
  </si>
  <si>
    <t>4029</t>
  </si>
  <si>
    <t>4030</t>
  </si>
  <si>
    <t>4110</t>
  </si>
  <si>
    <t>4114</t>
  </si>
  <si>
    <t>4111</t>
  </si>
  <si>
    <t>4113</t>
  </si>
  <si>
    <t>4213</t>
  </si>
  <si>
    <t>4310</t>
  </si>
  <si>
    <t>4311</t>
  </si>
  <si>
    <t>4312</t>
  </si>
  <si>
    <t>4313</t>
  </si>
  <si>
    <t>4330</t>
  </si>
  <si>
    <t>4331</t>
  </si>
  <si>
    <t>4336</t>
  </si>
  <si>
    <t>4410</t>
  </si>
  <si>
    <t>4591</t>
  </si>
  <si>
    <t>4411</t>
  </si>
  <si>
    <t>4590</t>
  </si>
  <si>
    <t>4413</t>
  </si>
  <si>
    <t>4585</t>
  </si>
  <si>
    <t>4414</t>
  </si>
  <si>
    <t>4415</t>
  </si>
  <si>
    <t>4416</t>
  </si>
  <si>
    <t>4493</t>
  </si>
  <si>
    <t>4470</t>
  </si>
  <si>
    <t>4412</t>
  </si>
  <si>
    <t>4452</t>
  </si>
  <si>
    <t>4580</t>
  </si>
  <si>
    <t>4480</t>
  </si>
  <si>
    <t>4417</t>
  </si>
  <si>
    <t>4536</t>
  </si>
  <si>
    <t>4418</t>
  </si>
  <si>
    <t>4468</t>
  </si>
  <si>
    <t>4488</t>
  </si>
  <si>
    <t>4592</t>
  </si>
  <si>
    <t>4419</t>
  </si>
  <si>
    <t>4527</t>
  </si>
  <si>
    <t>4594</t>
  </si>
  <si>
    <t>4572</t>
  </si>
  <si>
    <t>4481</t>
  </si>
  <si>
    <t>4514</t>
  </si>
  <si>
    <t>4556</t>
  </si>
  <si>
    <t>4500</t>
  </si>
  <si>
    <t>4506</t>
  </si>
  <si>
    <t>4494</t>
  </si>
  <si>
    <t>4526</t>
  </si>
  <si>
    <t>4573</t>
  </si>
  <si>
    <t>4420</t>
  </si>
  <si>
    <t>4534</t>
  </si>
  <si>
    <t>4557</t>
  </si>
  <si>
    <t>4507</t>
  </si>
  <si>
    <t>4441</t>
  </si>
  <si>
    <t>4558</t>
  </si>
  <si>
    <t>4476</t>
  </si>
  <si>
    <t>4501</t>
  </si>
  <si>
    <t>4433</t>
  </si>
  <si>
    <t>4484</t>
  </si>
  <si>
    <t>4505</t>
  </si>
  <si>
    <t>4472</t>
  </si>
  <si>
    <t>4542</t>
  </si>
  <si>
    <t>4425</t>
  </si>
  <si>
    <t>4561</t>
  </si>
  <si>
    <t>4440</t>
  </si>
  <si>
    <t>4429</t>
  </si>
  <si>
    <t>4546</t>
  </si>
  <si>
    <t>4496</t>
  </si>
  <si>
    <t>4427</t>
  </si>
  <si>
    <t>4428</t>
  </si>
  <si>
    <t>4482</t>
  </si>
  <si>
    <t>4502</t>
  </si>
  <si>
    <t>4518</t>
  </si>
  <si>
    <t>4562</t>
  </si>
  <si>
    <t>4595</t>
  </si>
  <si>
    <t>4574</t>
  </si>
  <si>
    <t>4421</t>
  </si>
  <si>
    <t>4422</t>
  </si>
  <si>
    <t>4423</t>
  </si>
  <si>
    <t>4473</t>
  </si>
  <si>
    <t>4424</t>
  </si>
  <si>
    <t>4512</t>
  </si>
  <si>
    <t>4537</t>
  </si>
  <si>
    <t>4430</t>
  </si>
  <si>
    <t>4541</t>
  </si>
  <si>
    <t>4444</t>
  </si>
  <si>
    <t>4434</t>
  </si>
  <si>
    <t>4469</t>
  </si>
  <si>
    <t>4436</t>
  </si>
  <si>
    <t>4509</t>
  </si>
  <si>
    <t>4564</t>
  </si>
  <si>
    <t>4582</t>
  </si>
  <si>
    <t>4437</t>
  </si>
  <si>
    <t>4497</t>
  </si>
  <si>
    <t>4458</t>
  </si>
  <si>
    <t>4535</t>
  </si>
  <si>
    <t>4596</t>
  </si>
  <si>
    <t>4578</t>
  </si>
  <si>
    <t>4439</t>
  </si>
  <si>
    <t>4508</t>
  </si>
  <si>
    <t>4443</t>
  </si>
  <si>
    <t>4445</t>
  </si>
  <si>
    <t>4446</t>
  </si>
  <si>
    <t>4466</t>
  </si>
  <si>
    <t>4503</t>
  </si>
  <si>
    <t>4549</t>
  </si>
  <si>
    <t>4555</t>
  </si>
  <si>
    <t>4448</t>
  </si>
  <si>
    <t>4449</t>
  </si>
  <si>
    <t>4598</t>
  </si>
  <si>
    <t>4467</t>
  </si>
  <si>
    <t>4498</t>
  </si>
  <si>
    <t>4511</t>
  </si>
  <si>
    <t>4522</t>
  </si>
  <si>
    <t>4532</t>
  </si>
  <si>
    <t>4533</t>
  </si>
  <si>
    <t>4587</t>
  </si>
  <si>
    <t>4519</t>
  </si>
  <si>
    <t>4453</t>
  </si>
  <si>
    <t>4510</t>
  </si>
  <si>
    <t>4588</t>
  </si>
  <si>
    <t>4455</t>
  </si>
  <si>
    <t>4563</t>
  </si>
  <si>
    <t>4531</t>
  </si>
  <si>
    <t>4599</t>
  </si>
  <si>
    <t>4577</t>
  </si>
  <si>
    <t>4457</t>
  </si>
  <si>
    <t>4523</t>
  </si>
  <si>
    <t>4553</t>
  </si>
  <si>
    <t>4584</t>
  </si>
  <si>
    <t>4460</t>
  </si>
  <si>
    <t>4513</t>
  </si>
  <si>
    <t>4475</t>
  </si>
  <si>
    <t>4540</t>
  </si>
  <si>
    <t>4567</t>
  </si>
  <si>
    <t>4486</t>
  </si>
  <si>
    <t>4489</t>
  </si>
  <si>
    <t>4550</t>
  </si>
  <si>
    <t>4521</t>
  </si>
  <si>
    <t>4524</t>
  </si>
  <si>
    <t>4568</t>
  </si>
  <si>
    <t>4530</t>
  </si>
  <si>
    <t>4459</t>
  </si>
  <si>
    <t>4529</t>
  </si>
  <si>
    <t>4566</t>
  </si>
  <si>
    <t>4461</t>
  </si>
  <si>
    <t>4515</t>
  </si>
  <si>
    <t>4569</t>
  </si>
  <si>
    <t>4543</t>
  </si>
  <si>
    <t>4464</t>
  </si>
  <si>
    <t>4490</t>
  </si>
  <si>
    <t>4491</t>
  </si>
  <si>
    <t>4601</t>
  </si>
  <si>
    <t>4610</t>
  </si>
  <si>
    <t>4727</t>
  </si>
  <si>
    <t>4713</t>
  </si>
  <si>
    <t>4718</t>
  </si>
  <si>
    <t>4722</t>
  </si>
  <si>
    <t>4714</t>
  </si>
  <si>
    <t>4715</t>
  </si>
  <si>
    <t>4716</t>
  </si>
  <si>
    <t>4720</t>
  </si>
  <si>
    <t>4719</t>
  </si>
  <si>
    <t>4712</t>
  </si>
  <si>
    <t>4728</t>
  </si>
  <si>
    <t>4725</t>
  </si>
  <si>
    <t>4721</t>
  </si>
  <si>
    <t>4724</t>
  </si>
  <si>
    <t>4729</t>
  </si>
  <si>
    <t>4717</t>
  </si>
  <si>
    <t>4710</t>
  </si>
  <si>
    <t>4723</t>
  </si>
  <si>
    <t>4726</t>
  </si>
  <si>
    <t>4730</t>
  </si>
  <si>
    <t>4731</t>
  </si>
  <si>
    <t>4732</t>
  </si>
  <si>
    <t>4733</t>
  </si>
  <si>
    <t>4734</t>
  </si>
  <si>
    <t>4735</t>
  </si>
  <si>
    <t>4736</t>
  </si>
  <si>
    <t>4737</t>
  </si>
  <si>
    <t>7001</t>
  </si>
  <si>
    <t>7002</t>
  </si>
  <si>
    <t>7003</t>
  </si>
  <si>
    <t>7004</t>
  </si>
  <si>
    <t>7005</t>
  </si>
  <si>
    <t>7006</t>
  </si>
  <si>
    <t>7007</t>
  </si>
  <si>
    <t>7008</t>
  </si>
  <si>
    <t>7009</t>
  </si>
  <si>
    <t>7010</t>
  </si>
  <si>
    <t>7013</t>
  </si>
  <si>
    <t>7015</t>
  </si>
  <si>
    <t>7016</t>
  </si>
  <si>
    <t>7017</t>
  </si>
  <si>
    <t>7018</t>
  </si>
  <si>
    <t>7019</t>
  </si>
  <si>
    <t>7020</t>
  </si>
  <si>
    <t>7021</t>
  </si>
  <si>
    <t>7022</t>
  </si>
  <si>
    <t>7023</t>
  </si>
  <si>
    <t>7024</t>
  </si>
  <si>
    <t>7025</t>
  </si>
  <si>
    <t>7026</t>
  </si>
  <si>
    <t>7027</t>
  </si>
  <si>
    <t>7028</t>
  </si>
  <si>
    <t>7029</t>
  </si>
  <si>
    <t>7030</t>
  </si>
  <si>
    <t>7031</t>
  </si>
  <si>
    <t>7032</t>
  </si>
  <si>
    <t>7033</t>
  </si>
  <si>
    <t>7034</t>
  </si>
  <si>
    <t>7037</t>
  </si>
  <si>
    <t>7038</t>
  </si>
  <si>
    <t>7039</t>
  </si>
  <si>
    <t>7041</t>
  </si>
  <si>
    <t>7042</t>
  </si>
  <si>
    <t>7043</t>
  </si>
  <si>
    <t>7044</t>
  </si>
  <si>
    <t>7045</t>
  </si>
  <si>
    <t>7046</t>
  </si>
  <si>
    <t>7047</t>
  </si>
  <si>
    <t>7048</t>
  </si>
  <si>
    <t>7049</t>
  </si>
  <si>
    <t>7050</t>
  </si>
  <si>
    <t>7051</t>
  </si>
  <si>
    <t>7052</t>
  </si>
  <si>
    <t>8101</t>
  </si>
  <si>
    <t>8102</t>
  </si>
  <si>
    <t>8104</t>
  </si>
  <si>
    <t>8105</t>
  </si>
  <si>
    <t>8106</t>
  </si>
  <si>
    <t>8108</t>
  </si>
  <si>
    <t>8109</t>
  </si>
  <si>
    <t>8110</t>
  </si>
  <si>
    <t>8111</t>
  </si>
  <si>
    <t>8112</t>
  </si>
  <si>
    <t>8113</t>
  </si>
  <si>
    <t>8114</t>
  </si>
  <si>
    <t>8115</t>
  </si>
  <si>
    <t>8116</t>
  </si>
  <si>
    <t>8117</t>
  </si>
  <si>
    <t>8118</t>
  </si>
  <si>
    <t>8119</t>
  </si>
  <si>
    <t>8120</t>
  </si>
  <si>
    <t>8121</t>
  </si>
  <si>
    <t>8122</t>
  </si>
  <si>
    <t>8124</t>
  </si>
  <si>
    <t>8125</t>
  </si>
  <si>
    <t>8126</t>
  </si>
  <si>
    <t>5012</t>
  </si>
  <si>
    <t>5210</t>
  </si>
  <si>
    <t>5310</t>
  </si>
  <si>
    <t>5483</t>
  </si>
  <si>
    <t>5516</t>
  </si>
  <si>
    <t>5517</t>
  </si>
  <si>
    <t>5518</t>
  </si>
  <si>
    <t>5519</t>
  </si>
  <si>
    <t>5520</t>
  </si>
  <si>
    <t>5521</t>
  </si>
  <si>
    <t>5522</t>
  </si>
  <si>
    <t>5523</t>
  </si>
  <si>
    <t>7201</t>
  </si>
  <si>
    <t>7202</t>
  </si>
  <si>
    <t>7203</t>
  </si>
  <si>
    <t>7204</t>
  </si>
  <si>
    <t>7205</t>
  </si>
  <si>
    <t>7206</t>
  </si>
  <si>
    <t>7207</t>
  </si>
  <si>
    <t>7208</t>
  </si>
  <si>
    <t>7209</t>
  </si>
  <si>
    <t>7210</t>
  </si>
  <si>
    <t>7211</t>
  </si>
  <si>
    <t>7212</t>
  </si>
  <si>
    <t>7213</t>
  </si>
  <si>
    <t>7214</t>
  </si>
  <si>
    <t>7215</t>
  </si>
  <si>
    <t>7216</t>
  </si>
  <si>
    <t>8301</t>
  </si>
  <si>
    <t>8302</t>
  </si>
  <si>
    <t>8303</t>
  </si>
  <si>
    <t>8304</t>
  </si>
  <si>
    <t>8305</t>
  </si>
  <si>
    <t>8306</t>
  </si>
  <si>
    <t>8307</t>
  </si>
  <si>
    <t>8308</t>
  </si>
  <si>
    <t>8309</t>
  </si>
  <si>
    <t>7220</t>
  </si>
  <si>
    <t>7221</t>
  </si>
  <si>
    <t>7222</t>
  </si>
  <si>
    <t>7223</t>
  </si>
  <si>
    <t>7224</t>
  </si>
  <si>
    <t>7225</t>
  </si>
  <si>
    <t>7226</t>
  </si>
  <si>
    <t>7227</t>
  </si>
  <si>
    <t>7228</t>
  </si>
  <si>
    <t>7229</t>
  </si>
  <si>
    <t>7230</t>
  </si>
  <si>
    <t>7231</t>
  </si>
  <si>
    <t>7232</t>
  </si>
  <si>
    <t>7233</t>
  </si>
  <si>
    <t>7234</t>
  </si>
  <si>
    <t>7235</t>
  </si>
  <si>
    <t>7236</t>
  </si>
  <si>
    <t>7237</t>
  </si>
  <si>
    <t>7238</t>
  </si>
  <si>
    <t>7239</t>
  </si>
  <si>
    <t>723A</t>
  </si>
  <si>
    <t>723B</t>
  </si>
  <si>
    <t>723C</t>
  </si>
  <si>
    <t>723D</t>
  </si>
  <si>
    <t>723E</t>
  </si>
  <si>
    <t>723F</t>
  </si>
  <si>
    <t>723G</t>
  </si>
  <si>
    <t>723H</t>
  </si>
  <si>
    <t>723I</t>
  </si>
  <si>
    <t>723J</t>
  </si>
  <si>
    <t>723K</t>
  </si>
  <si>
    <t>723M</t>
  </si>
  <si>
    <t>723N</t>
  </si>
  <si>
    <t>723P</t>
  </si>
  <si>
    <t>723R</t>
  </si>
  <si>
    <t>8310</t>
  </si>
  <si>
    <t>8311</t>
  </si>
  <si>
    <t>8312</t>
  </si>
  <si>
    <t>8313</t>
  </si>
  <si>
    <t>8314</t>
  </si>
  <si>
    <t>8315</t>
  </si>
  <si>
    <t>8316</t>
  </si>
  <si>
    <t>8317</t>
  </si>
  <si>
    <t>8318</t>
  </si>
  <si>
    <t>8319</t>
  </si>
  <si>
    <t>8320</t>
  </si>
  <si>
    <t>8321</t>
  </si>
  <si>
    <t>8322</t>
  </si>
  <si>
    <t>8323</t>
  </si>
  <si>
    <t>8324</t>
  </si>
  <si>
    <t>8325</t>
  </si>
  <si>
    <t>8326</t>
  </si>
  <si>
    <t>8327</t>
  </si>
  <si>
    <t>8328</t>
  </si>
  <si>
    <t>5330</t>
  </si>
  <si>
    <t>5417</t>
  </si>
  <si>
    <t>7240</t>
  </si>
  <si>
    <t>7241</t>
  </si>
  <si>
    <t>7242</t>
  </si>
  <si>
    <t>7243</t>
  </si>
  <si>
    <t>7244</t>
  </si>
  <si>
    <t>7245</t>
  </si>
  <si>
    <t>7246</t>
  </si>
  <si>
    <t>7247</t>
  </si>
  <si>
    <t>7248</t>
  </si>
  <si>
    <t>7249</t>
  </si>
  <si>
    <t>7250</t>
  </si>
  <si>
    <t>7251</t>
  </si>
  <si>
    <t>7252</t>
  </si>
  <si>
    <t>7253</t>
  </si>
  <si>
    <t>7254</t>
  </si>
  <si>
    <t>7255</t>
  </si>
  <si>
    <t>7256</t>
  </si>
  <si>
    <t>7257</t>
  </si>
  <si>
    <t>7258</t>
  </si>
  <si>
    <t>8330</t>
  </si>
  <si>
    <t>8331</t>
  </si>
  <si>
    <t>8332</t>
  </si>
  <si>
    <t>8333</t>
  </si>
  <si>
    <t>8334</t>
  </si>
  <si>
    <t>8335</t>
  </si>
  <si>
    <t>8336</t>
  </si>
  <si>
    <t>8337</t>
  </si>
  <si>
    <t>8338</t>
  </si>
  <si>
    <t>8339</t>
  </si>
  <si>
    <t>833A</t>
  </si>
  <si>
    <t>833B</t>
  </si>
  <si>
    <t>833C</t>
  </si>
  <si>
    <t>5418</t>
  </si>
  <si>
    <t>7260</t>
  </si>
  <si>
    <t>7261</t>
  </si>
  <si>
    <t>7262</t>
  </si>
  <si>
    <t>7263</t>
  </si>
  <si>
    <t>7264</t>
  </si>
  <si>
    <t>8345</t>
  </si>
  <si>
    <t>8346</t>
  </si>
  <si>
    <t>8347</t>
  </si>
  <si>
    <t>7270</t>
  </si>
  <si>
    <t>7272</t>
  </si>
  <si>
    <t>7274</t>
  </si>
  <si>
    <t>7277</t>
  </si>
  <si>
    <t>7279</t>
  </si>
  <si>
    <t>7280</t>
  </si>
  <si>
    <t>7281</t>
  </si>
  <si>
    <t>7282</t>
  </si>
  <si>
    <t>8350</t>
  </si>
  <si>
    <t>8351</t>
  </si>
  <si>
    <t>8352</t>
  </si>
  <si>
    <t>5413</t>
  </si>
  <si>
    <t>5414</t>
  </si>
  <si>
    <t>5415</t>
  </si>
  <si>
    <t>7340</t>
  </si>
  <si>
    <t>7341</t>
  </si>
  <si>
    <t>7342</t>
  </si>
  <si>
    <t>7343</t>
  </si>
  <si>
    <t>8375</t>
  </si>
  <si>
    <t>837A</t>
  </si>
  <si>
    <t>7350</t>
  </si>
  <si>
    <t>7351</t>
  </si>
  <si>
    <t>7352</t>
  </si>
  <si>
    <t>7353</t>
  </si>
  <si>
    <t>7354</t>
  </si>
  <si>
    <t>8380</t>
  </si>
  <si>
    <t>8381</t>
  </si>
  <si>
    <t>8382</t>
  </si>
  <si>
    <t>5485</t>
  </si>
  <si>
    <t>7401</t>
  </si>
  <si>
    <t>7402</t>
  </si>
  <si>
    <t>7403</t>
  </si>
  <si>
    <t>7404</t>
  </si>
  <si>
    <t>7405</t>
  </si>
  <si>
    <t>7406</t>
  </si>
  <si>
    <t>7407</t>
  </si>
  <si>
    <t>7408</t>
  </si>
  <si>
    <t>7409</t>
  </si>
  <si>
    <t>7410</t>
  </si>
  <si>
    <t>7411</t>
  </si>
  <si>
    <t>7412</t>
  </si>
  <si>
    <t>7413</t>
  </si>
  <si>
    <t>7414</t>
  </si>
  <si>
    <t>7415</t>
  </si>
  <si>
    <t>7416</t>
  </si>
  <si>
    <t>7417</t>
  </si>
  <si>
    <t>7418</t>
  </si>
  <si>
    <t>7419</t>
  </si>
  <si>
    <t>7420</t>
  </si>
  <si>
    <t>7421</t>
  </si>
  <si>
    <t>7422</t>
  </si>
  <si>
    <t>7423</t>
  </si>
  <si>
    <t>7424</t>
  </si>
  <si>
    <t>7425</t>
  </si>
  <si>
    <t>7426</t>
  </si>
  <si>
    <t>7427</t>
  </si>
  <si>
    <t>7428</t>
  </si>
  <si>
    <t>8401</t>
  </si>
  <si>
    <t>8402</t>
  </si>
  <si>
    <t>8403</t>
  </si>
  <si>
    <t>8404</t>
  </si>
  <si>
    <t>8405</t>
  </si>
  <si>
    <t>8406</t>
  </si>
  <si>
    <t>8407</t>
  </si>
  <si>
    <t>8408</t>
  </si>
  <si>
    <t>8409</t>
  </si>
  <si>
    <t>8410</t>
  </si>
  <si>
    <t>8411</t>
  </si>
  <si>
    <t>8412</t>
  </si>
  <si>
    <t>8413</t>
  </si>
  <si>
    <t>8414</t>
  </si>
  <si>
    <t>8415</t>
  </si>
  <si>
    <t>5450</t>
  </si>
  <si>
    <t>5452</t>
  </si>
  <si>
    <t>5510</t>
  </si>
  <si>
    <t>5511</t>
  </si>
  <si>
    <t>5512</t>
  </si>
  <si>
    <t>5513</t>
  </si>
  <si>
    <t>5514</t>
  </si>
  <si>
    <t>7430</t>
  </si>
  <si>
    <t>7431</t>
  </si>
  <si>
    <t>7432</t>
  </si>
  <si>
    <t>7433</t>
  </si>
  <si>
    <t>7434</t>
  </si>
  <si>
    <t>7435</t>
  </si>
  <si>
    <t>7436</t>
  </si>
  <si>
    <t>7437</t>
  </si>
  <si>
    <t>7438</t>
  </si>
  <si>
    <t>7439</t>
  </si>
  <si>
    <t>7470</t>
  </si>
  <si>
    <t>7471</t>
  </si>
  <si>
    <t>7472</t>
  </si>
  <si>
    <t>8420</t>
  </si>
  <si>
    <t>8421</t>
  </si>
  <si>
    <t>8422</t>
  </si>
  <si>
    <t>8423</t>
  </si>
  <si>
    <t>8424</t>
  </si>
  <si>
    <t>8425</t>
  </si>
  <si>
    <t>8426</t>
  </si>
  <si>
    <t>8470</t>
  </si>
  <si>
    <t>8427</t>
  </si>
  <si>
    <t>5484</t>
  </si>
  <si>
    <t>5505</t>
  </si>
  <si>
    <t>5506</t>
  </si>
  <si>
    <t>5507</t>
  </si>
  <si>
    <t>5508</t>
  </si>
  <si>
    <t>7460</t>
  </si>
  <si>
    <t>7461</t>
  </si>
  <si>
    <t>7462</t>
  </si>
  <si>
    <t>7463</t>
  </si>
  <si>
    <t>7464</t>
  </si>
  <si>
    <t>7465</t>
  </si>
  <si>
    <t>7466</t>
  </si>
  <si>
    <t>7467</t>
  </si>
  <si>
    <t>7468</t>
  </si>
  <si>
    <t>7469</t>
  </si>
  <si>
    <t>8450</t>
  </si>
  <si>
    <t>8451</t>
  </si>
  <si>
    <t>8460</t>
  </si>
  <si>
    <t>8461</t>
  </si>
  <si>
    <t>7440</t>
  </si>
  <si>
    <t>7441</t>
  </si>
  <si>
    <t>8430</t>
  </si>
  <si>
    <t>8431</t>
  </si>
  <si>
    <t>5524</t>
  </si>
  <si>
    <t>7450</t>
  </si>
  <si>
    <t>7451</t>
  </si>
  <si>
    <t>7452</t>
  </si>
  <si>
    <t>8440</t>
  </si>
  <si>
    <t>8441</t>
  </si>
  <si>
    <t>5451</t>
  </si>
  <si>
    <t>5453</t>
  </si>
  <si>
    <t>7632</t>
  </si>
  <si>
    <t>7603</t>
  </si>
  <si>
    <t>7604</t>
  </si>
  <si>
    <t>7605</t>
  </si>
  <si>
    <t>7607</t>
  </si>
  <si>
    <t>7608</t>
  </si>
  <si>
    <t>7609</t>
  </si>
  <si>
    <t>7610</t>
  </si>
  <si>
    <t>7611</t>
  </si>
  <si>
    <t>7613</t>
  </si>
  <si>
    <t>7614</t>
  </si>
  <si>
    <t>7615</t>
  </si>
  <si>
    <t>7616</t>
  </si>
  <si>
    <t>7617</t>
  </si>
  <si>
    <t>7618</t>
  </si>
  <si>
    <t>7619</t>
  </si>
  <si>
    <t>7620</t>
  </si>
  <si>
    <t>7621</t>
  </si>
  <si>
    <t>7622</t>
  </si>
  <si>
    <t>7623</t>
  </si>
  <si>
    <t>7624</t>
  </si>
  <si>
    <t>7625</t>
  </si>
  <si>
    <t>7626</t>
  </si>
  <si>
    <t>7630</t>
  </si>
  <si>
    <t>7631</t>
  </si>
  <si>
    <t>8601</t>
  </si>
  <si>
    <t>8602</t>
  </si>
  <si>
    <t>8603</t>
  </si>
  <si>
    <t>8604</t>
  </si>
  <si>
    <t>8605</t>
  </si>
  <si>
    <t>8606</t>
  </si>
  <si>
    <t>8607</t>
  </si>
  <si>
    <t>8608</t>
  </si>
  <si>
    <t>8610</t>
  </si>
  <si>
    <t>8611</t>
  </si>
  <si>
    <t>8620</t>
  </si>
  <si>
    <t>5470</t>
  </si>
  <si>
    <t>5471</t>
  </si>
  <si>
    <t>5472</t>
  </si>
  <si>
    <t>5473</t>
  </si>
  <si>
    <t>7646</t>
  </si>
  <si>
    <t>7640</t>
  </si>
  <si>
    <t>7644</t>
  </si>
  <si>
    <t>8634</t>
  </si>
  <si>
    <t>7652</t>
  </si>
  <si>
    <t>8640</t>
  </si>
  <si>
    <t>7660</t>
  </si>
  <si>
    <t>7661</t>
  </si>
  <si>
    <t>7662</t>
  </si>
  <si>
    <t>8650</t>
  </si>
  <si>
    <t>7532</t>
  </si>
  <si>
    <t>7533</t>
  </si>
  <si>
    <t>7534</t>
  </si>
  <si>
    <t>7535</t>
  </si>
  <si>
    <t>7536</t>
  </si>
  <si>
    <t>8541</t>
  </si>
  <si>
    <t>8542</t>
  </si>
  <si>
    <t>8543</t>
  </si>
  <si>
    <t>5462</t>
  </si>
  <si>
    <t>7501</t>
  </si>
  <si>
    <t>7502</t>
  </si>
  <si>
    <t>8501</t>
  </si>
  <si>
    <t>5463</t>
  </si>
  <si>
    <t>5515</t>
  </si>
  <si>
    <t>7510</t>
  </si>
  <si>
    <t>7511</t>
  </si>
  <si>
    <t>7512</t>
  </si>
  <si>
    <t>8510</t>
  </si>
  <si>
    <t>5460</t>
  </si>
  <si>
    <t>5509</t>
  </si>
  <si>
    <t>7513</t>
  </si>
  <si>
    <t>7514</t>
  </si>
  <si>
    <t>8520</t>
  </si>
  <si>
    <t>7520</t>
  </si>
  <si>
    <t>8530</t>
  </si>
  <si>
    <t>5461</t>
  </si>
  <si>
    <t>7540</t>
  </si>
  <si>
    <t>7541</t>
  </si>
  <si>
    <t>8550</t>
  </si>
  <si>
    <t>7701</t>
  </si>
  <si>
    <t>7703</t>
  </si>
  <si>
    <t>7704</t>
  </si>
  <si>
    <t>7705</t>
  </si>
  <si>
    <t>7706</t>
  </si>
  <si>
    <t>7707</t>
  </si>
  <si>
    <t>7708</t>
  </si>
  <si>
    <t>7709</t>
  </si>
  <si>
    <t>7710</t>
  </si>
  <si>
    <t>7711</t>
  </si>
  <si>
    <t>7712</t>
  </si>
  <si>
    <t>7713</t>
  </si>
  <si>
    <t>7714</t>
  </si>
  <si>
    <t>7715</t>
  </si>
  <si>
    <t>7716</t>
  </si>
  <si>
    <t>7717</t>
  </si>
  <si>
    <t>7718</t>
  </si>
  <si>
    <t>7719</t>
  </si>
  <si>
    <t>771A</t>
  </si>
  <si>
    <t>771B</t>
  </si>
  <si>
    <t>771C</t>
  </si>
  <si>
    <t>771D</t>
  </si>
  <si>
    <t>771E</t>
  </si>
  <si>
    <t>8701</t>
  </si>
  <si>
    <t>8702</t>
  </si>
  <si>
    <t>8703</t>
  </si>
  <si>
    <t>8704</t>
  </si>
  <si>
    <t>8705</t>
  </si>
  <si>
    <t>8706</t>
  </si>
  <si>
    <t>8707</t>
  </si>
  <si>
    <t>8708</t>
  </si>
  <si>
    <t>8709</t>
  </si>
  <si>
    <t>8710</t>
  </si>
  <si>
    <t>8711</t>
  </si>
  <si>
    <t>8712</t>
  </si>
  <si>
    <t>8713</t>
  </si>
  <si>
    <t>5480</t>
  </si>
  <si>
    <t>5482</t>
  </si>
  <si>
    <t>7720</t>
  </si>
  <si>
    <t>7721</t>
  </si>
  <si>
    <t>7722</t>
  </si>
  <si>
    <t>7723</t>
  </si>
  <si>
    <t>7724</t>
  </si>
  <si>
    <t>7725</t>
  </si>
  <si>
    <t>8720</t>
  </si>
  <si>
    <t>8721</t>
  </si>
  <si>
    <t>8722</t>
  </si>
  <si>
    <t>5442</t>
  </si>
  <si>
    <t>5443</t>
  </si>
  <si>
    <t>5444</t>
  </si>
  <si>
    <t>5445</t>
  </si>
  <si>
    <t>5446</t>
  </si>
  <si>
    <t>7730</t>
  </si>
  <si>
    <t>7732</t>
  </si>
  <si>
    <t>8730</t>
  </si>
  <si>
    <t>8732</t>
  </si>
  <si>
    <t>5481</t>
  </si>
  <si>
    <t>7320</t>
  </si>
  <si>
    <t>7321</t>
  </si>
  <si>
    <t>7322</t>
  </si>
  <si>
    <t>7323</t>
  </si>
  <si>
    <t>7324</t>
  </si>
  <si>
    <t>7325</t>
  </si>
  <si>
    <t>7326</t>
  </si>
  <si>
    <t>7327</t>
  </si>
  <si>
    <t>7328</t>
  </si>
  <si>
    <t>7329</t>
  </si>
  <si>
    <t>7330</t>
  </si>
  <si>
    <t>7331</t>
  </si>
  <si>
    <t>7333</t>
  </si>
  <si>
    <t>7334</t>
  </si>
  <si>
    <t>7335</t>
  </si>
  <si>
    <t>7336</t>
  </si>
  <si>
    <t>7337</t>
  </si>
  <si>
    <t>7338</t>
  </si>
  <si>
    <t>7339</t>
  </si>
  <si>
    <t>8370</t>
  </si>
  <si>
    <t>8371</t>
  </si>
  <si>
    <t>8372</t>
  </si>
  <si>
    <t>8373</t>
  </si>
  <si>
    <t>8374</t>
  </si>
  <si>
    <t>8376</t>
  </si>
  <si>
    <t>8377</t>
  </si>
  <si>
    <t>8378</t>
  </si>
  <si>
    <t>8379</t>
  </si>
  <si>
    <t>5430</t>
  </si>
  <si>
    <t>5436</t>
  </si>
  <si>
    <t>5437</t>
  </si>
  <si>
    <t>5501</t>
  </si>
  <si>
    <t>5502</t>
  </si>
  <si>
    <t>5503</t>
  </si>
  <si>
    <t>5504</t>
  </si>
  <si>
    <t>7360</t>
  </si>
  <si>
    <t>7361</t>
  </si>
  <si>
    <t>7362</t>
  </si>
  <si>
    <t>7364</t>
  </si>
  <si>
    <t>7365</t>
  </si>
  <si>
    <t>7366</t>
  </si>
  <si>
    <t>7367</t>
  </si>
  <si>
    <t>7368</t>
  </si>
  <si>
    <t>7369</t>
  </si>
  <si>
    <t>736A</t>
  </si>
  <si>
    <t>736B</t>
  </si>
  <si>
    <t>736C</t>
  </si>
  <si>
    <t>736D</t>
  </si>
  <si>
    <t>8385</t>
  </si>
  <si>
    <t>8386</t>
  </si>
  <si>
    <t>8387</t>
  </si>
  <si>
    <t>8388</t>
  </si>
  <si>
    <t>8389</t>
  </si>
  <si>
    <t>838A</t>
  </si>
  <si>
    <t>5440</t>
  </si>
  <si>
    <t>5441</t>
  </si>
  <si>
    <t>7390</t>
  </si>
  <si>
    <t>7391</t>
  </si>
  <si>
    <t>7392</t>
  </si>
  <si>
    <t>7393</t>
  </si>
  <si>
    <t>7394</t>
  </si>
  <si>
    <t>7395</t>
  </si>
  <si>
    <t>7396</t>
  </si>
  <si>
    <t>7397</t>
  </si>
  <si>
    <t>7398</t>
  </si>
  <si>
    <t>7399</t>
  </si>
  <si>
    <t>739A</t>
  </si>
  <si>
    <t>8395</t>
  </si>
  <si>
    <t>8396</t>
  </si>
  <si>
    <t>8397</t>
  </si>
  <si>
    <t>8398</t>
  </si>
  <si>
    <t>8399</t>
  </si>
  <si>
    <t>839A</t>
  </si>
  <si>
    <t>7380</t>
  </si>
  <si>
    <t>7381</t>
  </si>
  <si>
    <t>7382</t>
  </si>
  <si>
    <t>7383</t>
  </si>
  <si>
    <t>7384</t>
  </si>
  <si>
    <t>7385</t>
  </si>
  <si>
    <t>7386</t>
  </si>
  <si>
    <t>7387</t>
  </si>
  <si>
    <t>7388</t>
  </si>
  <si>
    <t>7389</t>
  </si>
  <si>
    <t>8390</t>
  </si>
  <si>
    <t>8391</t>
  </si>
  <si>
    <t>8392</t>
  </si>
  <si>
    <t>8393</t>
  </si>
  <si>
    <t>8394</t>
  </si>
  <si>
    <t>5439</t>
  </si>
  <si>
    <t>脱炭素戦略本部室</t>
  </si>
  <si>
    <t>環境課</t>
  </si>
  <si>
    <t>女性相談支援センター</t>
  </si>
  <si>
    <t>医療企画課</t>
  </si>
  <si>
    <t>医療整備・人材課</t>
  </si>
  <si>
    <t>健康危機・感染症対策課</t>
  </si>
  <si>
    <t>交通政策課</t>
  </si>
  <si>
    <t>総務課</t>
  </si>
  <si>
    <t>行政課</t>
  </si>
  <si>
    <t>教育施設課</t>
  </si>
  <si>
    <t>教職員企画課</t>
  </si>
  <si>
    <t>教職員人事課</t>
  </si>
  <si>
    <t>厚生課</t>
  </si>
  <si>
    <t>高校教育課</t>
  </si>
  <si>
    <t>保健体育課</t>
  </si>
  <si>
    <t>子ども教育支援課</t>
  </si>
  <si>
    <t>学校支援課</t>
  </si>
  <si>
    <t>特別支援教育課</t>
  </si>
  <si>
    <t>生涯学習課</t>
  </si>
  <si>
    <t>文化遺産課</t>
  </si>
  <si>
    <t>インクルーシブ教育推進課</t>
  </si>
  <si>
    <t>湘南三浦教育事務所</t>
  </si>
  <si>
    <t>県央教育事務所</t>
  </si>
  <si>
    <t>中教育事務所</t>
  </si>
  <si>
    <t>県西教育事務所</t>
  </si>
  <si>
    <t>学校事務センター</t>
  </si>
  <si>
    <t>県立図書館</t>
  </si>
  <si>
    <t>川崎図書館</t>
  </si>
  <si>
    <t>金沢文庫</t>
  </si>
  <si>
    <t>近代美術館</t>
  </si>
  <si>
    <t>総合教育センター</t>
  </si>
  <si>
    <t>歴史博物館</t>
  </si>
  <si>
    <t>生命の星・地球博物館</t>
  </si>
  <si>
    <t>鶴見高等学校</t>
  </si>
  <si>
    <t>鶴見総合高等学校</t>
  </si>
  <si>
    <t>神奈川工業高等学校</t>
  </si>
  <si>
    <t>神奈川総合高等学校</t>
  </si>
  <si>
    <t>横浜翠嵐高等学校</t>
  </si>
  <si>
    <t>城郷高等学校</t>
  </si>
  <si>
    <t>横浜平沼高等学校</t>
  </si>
  <si>
    <t>横浜緑ケ丘高等学校</t>
  </si>
  <si>
    <t>横浜立野高等学校</t>
  </si>
  <si>
    <t>横浜清陵高等学校</t>
  </si>
  <si>
    <t>横浜国際高等学校</t>
  </si>
  <si>
    <t>横浜南陵高等学校</t>
  </si>
  <si>
    <t>横浜明朋高等学校</t>
  </si>
  <si>
    <t>永谷高等学校</t>
  </si>
  <si>
    <t>光陵高等学校</t>
  </si>
  <si>
    <t>商工高等学校</t>
  </si>
  <si>
    <t>保土ケ谷高等学校</t>
  </si>
  <si>
    <t>希望ケ丘高等学校</t>
  </si>
  <si>
    <t>二俣川看護福祉高等学校</t>
  </si>
  <si>
    <t>旭高等学校</t>
  </si>
  <si>
    <t>横浜旭陵高等学校</t>
  </si>
  <si>
    <t>磯子工業高等学校</t>
  </si>
  <si>
    <t>横浜氷取沢高等学校</t>
  </si>
  <si>
    <t>金沢総合高等学校</t>
  </si>
  <si>
    <t>釜利谷高等学校</t>
  </si>
  <si>
    <t>港北高等学校</t>
  </si>
  <si>
    <t>新羽高等学校</t>
  </si>
  <si>
    <t>岸根高等学校</t>
  </si>
  <si>
    <t>霧が丘高等学校</t>
  </si>
  <si>
    <t>白山高等学校</t>
  </si>
  <si>
    <t>市ケ尾高等学校</t>
  </si>
  <si>
    <t>田奈高等学校</t>
  </si>
  <si>
    <t>元石川高等学校</t>
  </si>
  <si>
    <t>川和高等学校</t>
  </si>
  <si>
    <t>荏田高等学校</t>
  </si>
  <si>
    <t>新栄高等学校</t>
  </si>
  <si>
    <t>舞岡高等学校</t>
  </si>
  <si>
    <t>横浜桜陽高等学校</t>
  </si>
  <si>
    <t>上矢部高等学校</t>
  </si>
  <si>
    <t>柏陽高等学校</t>
  </si>
  <si>
    <t>金井高等学校</t>
  </si>
  <si>
    <t>横浜栄高等学校</t>
  </si>
  <si>
    <t>松陽高等学校</t>
  </si>
  <si>
    <t>横浜緑園高等学校</t>
  </si>
  <si>
    <t>横浜修悠館高等学校</t>
  </si>
  <si>
    <t>横浜瀬谷高等学校</t>
  </si>
  <si>
    <t>川崎高等学校</t>
  </si>
  <si>
    <t>大師高等学校</t>
  </si>
  <si>
    <t>川崎工科高等学校</t>
  </si>
  <si>
    <t>新城高等学校</t>
  </si>
  <si>
    <t>住吉高等学校</t>
  </si>
  <si>
    <t>川崎北高等学校</t>
  </si>
  <si>
    <t>多摩高等学校</t>
  </si>
  <si>
    <t>向の岡工業高等学校</t>
  </si>
  <si>
    <t>生田高等学校</t>
  </si>
  <si>
    <t>百合丘高等学校</t>
  </si>
  <si>
    <t>生田東高等学校</t>
  </si>
  <si>
    <t>菅高等学校</t>
  </si>
  <si>
    <t>麻生総合高等学校</t>
  </si>
  <si>
    <t>麻生高等学校</t>
  </si>
  <si>
    <t>横須賀高等学校</t>
  </si>
  <si>
    <t>横須賀大津高等学校</t>
  </si>
  <si>
    <t>横須賀工業高等学校</t>
  </si>
  <si>
    <t>海洋科学高等学校</t>
  </si>
  <si>
    <t>追浜高等学校</t>
  </si>
  <si>
    <t>津久井浜高等学校</t>
  </si>
  <si>
    <t>横須賀南高等学校</t>
  </si>
  <si>
    <t>平塚江南高等学校</t>
  </si>
  <si>
    <t>平塚農商高等学校</t>
  </si>
  <si>
    <t>平塚工科高等学校</t>
  </si>
  <si>
    <t>高浜高等学校</t>
  </si>
  <si>
    <t>平塚湘風高等学校</t>
  </si>
  <si>
    <t>鎌倉高等学校</t>
  </si>
  <si>
    <t>七里ガ浜高等学校</t>
  </si>
  <si>
    <t>大船高等学校</t>
  </si>
  <si>
    <t>深沢高等学校</t>
  </si>
  <si>
    <t>湘南高等学校</t>
  </si>
  <si>
    <t>藤沢西高等学校</t>
  </si>
  <si>
    <t>藤沢工科高等学校</t>
  </si>
  <si>
    <t>藤沢清流高等学校</t>
  </si>
  <si>
    <t>藤沢総合高等学校</t>
  </si>
  <si>
    <t>湘南台高等学校</t>
  </si>
  <si>
    <t>小田原高等学校</t>
  </si>
  <si>
    <t>小田原東高等学校</t>
  </si>
  <si>
    <t>西湘高等学校</t>
  </si>
  <si>
    <t>小田原城北工業高等学校</t>
  </si>
  <si>
    <t>茅ケ崎高等学校</t>
  </si>
  <si>
    <t>茅ケ崎北陵高等学校</t>
  </si>
  <si>
    <t>鶴嶺高等学校</t>
  </si>
  <si>
    <t>茅ケ崎西浜高等学校</t>
  </si>
  <si>
    <t>逗子葉山高等学校</t>
  </si>
  <si>
    <t>相原高等学校</t>
  </si>
  <si>
    <t>上溝高等学校</t>
  </si>
  <si>
    <t>神奈川総合産業高等学校</t>
  </si>
  <si>
    <t>相模原高等学校</t>
  </si>
  <si>
    <t>麻溝台高等学校</t>
  </si>
  <si>
    <t>上溝南高等学校</t>
  </si>
  <si>
    <t>上鶴間高等学校</t>
  </si>
  <si>
    <t>橋本高等学校</t>
  </si>
  <si>
    <t>相模原弥栄高等学校</t>
  </si>
  <si>
    <t>相模田名高等学校</t>
  </si>
  <si>
    <t>三浦初声高等学校</t>
  </si>
  <si>
    <t>秦野高等学校</t>
  </si>
  <si>
    <t>秦野総合高等学校</t>
  </si>
  <si>
    <t>秦野曽屋高等学校</t>
  </si>
  <si>
    <t>厚木高等学校</t>
  </si>
  <si>
    <t>厚木王子高等学校</t>
  </si>
  <si>
    <t>厚木北高等学校</t>
  </si>
  <si>
    <t>厚木清南高等学校</t>
  </si>
  <si>
    <t>厚木西高等学校</t>
  </si>
  <si>
    <t>大和高等学校</t>
  </si>
  <si>
    <t>大和南高等学校</t>
  </si>
  <si>
    <t>大和東高等学校</t>
  </si>
  <si>
    <t>大和西高等学校</t>
  </si>
  <si>
    <t>伊勢原高等学校</t>
  </si>
  <si>
    <t>伊志田高等学校</t>
  </si>
  <si>
    <t>中央農業高等学校</t>
  </si>
  <si>
    <t>海老名高等学校</t>
  </si>
  <si>
    <t>有馬高等学校</t>
  </si>
  <si>
    <t>座間高等学校</t>
  </si>
  <si>
    <t>座間総合高等学校</t>
  </si>
  <si>
    <t>相模向陽館高等学校</t>
  </si>
  <si>
    <t>足柄高等学校</t>
  </si>
  <si>
    <t>綾瀬高等学校</t>
  </si>
  <si>
    <t>綾瀬西高等学校</t>
  </si>
  <si>
    <t>寒川高等学校</t>
  </si>
  <si>
    <t>大磯高等学校</t>
  </si>
  <si>
    <t>二宮高等学校</t>
  </si>
  <si>
    <t>大井高等学校</t>
  </si>
  <si>
    <t>山北高等学校</t>
  </si>
  <si>
    <t>吉田島高等学校</t>
  </si>
  <si>
    <t>愛川高等学校</t>
  </si>
  <si>
    <t>相模原城山高等学校</t>
  </si>
  <si>
    <t>津久井高等学校</t>
  </si>
  <si>
    <t>平塚中等教育学校</t>
  </si>
  <si>
    <t>相模原中等教育学校</t>
  </si>
  <si>
    <t>平塚盲学校</t>
  </si>
  <si>
    <t>平塚ろう学校</t>
  </si>
  <si>
    <t>鶴見支援学校</t>
  </si>
  <si>
    <t>横浜南支援学校</t>
  </si>
  <si>
    <t>保土ケ谷支援学校</t>
  </si>
  <si>
    <t>みどり支援学校</t>
  </si>
  <si>
    <t>瀬谷支援学校</t>
  </si>
  <si>
    <t>三ツ境支援学校</t>
  </si>
  <si>
    <t>中原支援学校</t>
  </si>
  <si>
    <t>高津支援学校</t>
  </si>
  <si>
    <t>武山支援学校</t>
  </si>
  <si>
    <t>平塚支援学校</t>
  </si>
  <si>
    <t>湘南支援学校</t>
  </si>
  <si>
    <t>鎌倉支援学校</t>
  </si>
  <si>
    <t>藤沢支援学校</t>
  </si>
  <si>
    <t>小田原支援学校</t>
  </si>
  <si>
    <t>茅ケ崎支援学校</t>
  </si>
  <si>
    <t>相模原支援学校</t>
  </si>
  <si>
    <t>秦野支援学校</t>
  </si>
  <si>
    <t>伊勢原支援学校</t>
  </si>
  <si>
    <t>座間支援学校</t>
  </si>
  <si>
    <t>津久井支援学校</t>
  </si>
  <si>
    <t>麻生支援学校</t>
  </si>
  <si>
    <t>金沢支援学校</t>
  </si>
  <si>
    <t>岩戸支援学校</t>
  </si>
  <si>
    <t>相模原中央支援学校</t>
  </si>
  <si>
    <t>横浜ひなたやま支援学校</t>
  </si>
  <si>
    <t>えびな支援学校</t>
  </si>
  <si>
    <t>あおば支援学校</t>
  </si>
  <si>
    <t>追浜小学校</t>
  </si>
  <si>
    <t>浦郷小学校</t>
  </si>
  <si>
    <t>夏島小学校</t>
  </si>
  <si>
    <t>船越小学校</t>
  </si>
  <si>
    <t>田浦小学校</t>
  </si>
  <si>
    <t>長浦小学校</t>
  </si>
  <si>
    <t>逸見小学校</t>
  </si>
  <si>
    <t>沢山小学校</t>
  </si>
  <si>
    <t>池上小学校</t>
  </si>
  <si>
    <t>汐入小学校</t>
  </si>
  <si>
    <t>諏訪小学校</t>
  </si>
  <si>
    <t>豊島小学校</t>
  </si>
  <si>
    <t>鶴久保小学校</t>
  </si>
  <si>
    <t>田戸小学校</t>
  </si>
  <si>
    <t>山崎小学校</t>
  </si>
  <si>
    <t>公郷小学校</t>
  </si>
  <si>
    <t>衣笠小学校</t>
  </si>
  <si>
    <t>城北小学校</t>
  </si>
  <si>
    <t>大津小学校</t>
  </si>
  <si>
    <t>馬堀小学校</t>
  </si>
  <si>
    <t>走水小学校</t>
  </si>
  <si>
    <t>鴨居小学校</t>
  </si>
  <si>
    <t>浦賀小学校</t>
  </si>
  <si>
    <t>高坂小学校</t>
  </si>
  <si>
    <t>久里浜小学校</t>
  </si>
  <si>
    <t>明浜小学校</t>
  </si>
  <si>
    <t>北下浦小学校</t>
  </si>
  <si>
    <t>武山小学校</t>
  </si>
  <si>
    <t>長井小学校</t>
  </si>
  <si>
    <t>大楠小学校</t>
  </si>
  <si>
    <t>森崎小学校</t>
  </si>
  <si>
    <t>粟田小学校</t>
  </si>
  <si>
    <t>岩戸小学校</t>
  </si>
  <si>
    <t>鷹取小学校</t>
  </si>
  <si>
    <t>望洋小学校</t>
  </si>
  <si>
    <t>富士見小学校</t>
  </si>
  <si>
    <t>津久井小学校</t>
  </si>
  <si>
    <t>小原台小学校</t>
  </si>
  <si>
    <t>神明小学校</t>
  </si>
  <si>
    <t>大矢部小学校</t>
  </si>
  <si>
    <t>根岸小学校</t>
  </si>
  <si>
    <t>野比小学校</t>
  </si>
  <si>
    <t>荻野小学校</t>
  </si>
  <si>
    <t>野比東小学校</t>
  </si>
  <si>
    <t>桜小学校</t>
  </si>
  <si>
    <t>大塚台小学校</t>
  </si>
  <si>
    <t>追浜中学校</t>
  </si>
  <si>
    <t>田浦中学校</t>
  </si>
  <si>
    <t>坂本中学校</t>
  </si>
  <si>
    <t>不入斗中学校</t>
  </si>
  <si>
    <t>池上中学校</t>
  </si>
  <si>
    <t>馬堀中学校</t>
  </si>
  <si>
    <t>鴨居中学校</t>
  </si>
  <si>
    <t>浦賀中学校</t>
  </si>
  <si>
    <t>久里浜中学校</t>
  </si>
  <si>
    <t>北下浦中学校</t>
  </si>
  <si>
    <t>武山中学校</t>
  </si>
  <si>
    <t>長井中学校</t>
  </si>
  <si>
    <t>大楠中学校</t>
  </si>
  <si>
    <t>公郷中学校</t>
  </si>
  <si>
    <t>常葉中学校</t>
  </si>
  <si>
    <t>大津中学校</t>
  </si>
  <si>
    <t>野比中学校</t>
  </si>
  <si>
    <t>衣笠中学校</t>
  </si>
  <si>
    <t>神明中学校</t>
  </si>
  <si>
    <t>鷹取中学校</t>
  </si>
  <si>
    <t>大矢部中学校</t>
  </si>
  <si>
    <t>長沢中学校</t>
  </si>
  <si>
    <t>岩戸中学校</t>
  </si>
  <si>
    <t>横須賀総合高等学校</t>
  </si>
  <si>
    <t>ろう学校</t>
  </si>
  <si>
    <t>養護学校</t>
  </si>
  <si>
    <t>横須賀市学校給食センター</t>
  </si>
  <si>
    <t>追浜地域共同学校事務室</t>
  </si>
  <si>
    <t>不入斗・池上地域共同学校事務室</t>
  </si>
  <si>
    <t>衣笠地域共同学校事務室</t>
  </si>
  <si>
    <t>中央・大津地域共同学校事務室</t>
  </si>
  <si>
    <t>浦賀地域共同学校事務室</t>
  </si>
  <si>
    <t>久里浜地域共同学校事務室</t>
  </si>
  <si>
    <t>北下浦地域共同学校事務室</t>
  </si>
  <si>
    <t>西地域共同学校事務室</t>
  </si>
  <si>
    <t>第一小学校</t>
  </si>
  <si>
    <t>第二小学校</t>
  </si>
  <si>
    <t>御成小学校</t>
  </si>
  <si>
    <t>稲村ケ崎小学校</t>
  </si>
  <si>
    <t>腰越小学校</t>
  </si>
  <si>
    <t>深沢小学校</t>
  </si>
  <si>
    <t>小坂小学校</t>
  </si>
  <si>
    <t>玉縄小学校</t>
  </si>
  <si>
    <t>大船小学校</t>
  </si>
  <si>
    <t>今泉小学校</t>
  </si>
  <si>
    <t>西鎌倉小学校</t>
  </si>
  <si>
    <t>七里ガ浜小学校</t>
  </si>
  <si>
    <t>富士塚小学校</t>
  </si>
  <si>
    <t>関谷小学校</t>
  </si>
  <si>
    <t>植木小学校</t>
  </si>
  <si>
    <t>第一中学校</t>
  </si>
  <si>
    <t>第二中学校</t>
  </si>
  <si>
    <t>御成中学校</t>
  </si>
  <si>
    <t>腰越中学校</t>
  </si>
  <si>
    <t>深沢中学校</t>
  </si>
  <si>
    <t>大船中学校</t>
  </si>
  <si>
    <t>玉縄中学校</t>
  </si>
  <si>
    <t>岩瀬中学校</t>
  </si>
  <si>
    <t>手広中学校</t>
  </si>
  <si>
    <t>藤沢小学校</t>
  </si>
  <si>
    <t>明治小学校</t>
  </si>
  <si>
    <t>鵠沼小学校</t>
  </si>
  <si>
    <t>本町小学校</t>
  </si>
  <si>
    <t>村岡小学校</t>
  </si>
  <si>
    <t>六会小学校</t>
  </si>
  <si>
    <t>辻堂小学校</t>
  </si>
  <si>
    <t>鵠洋小学校</t>
  </si>
  <si>
    <t>片瀬小学校</t>
  </si>
  <si>
    <t>大道小学校</t>
  </si>
  <si>
    <t>秋葉台小学校</t>
  </si>
  <si>
    <t>御所見小学校</t>
  </si>
  <si>
    <t>長後小学校</t>
  </si>
  <si>
    <t>八松小学校</t>
  </si>
  <si>
    <t>高砂小学校</t>
  </si>
  <si>
    <t>善行小学校</t>
  </si>
  <si>
    <t>富士見台小学校</t>
  </si>
  <si>
    <t>鵠南小学校</t>
  </si>
  <si>
    <t>浜見小学校</t>
  </si>
  <si>
    <t>大越小学校</t>
  </si>
  <si>
    <t>俣野小学校</t>
  </si>
  <si>
    <t>羽鳥小学校</t>
  </si>
  <si>
    <t>湘南台小学校</t>
  </si>
  <si>
    <t>大庭小学校</t>
  </si>
  <si>
    <t>亀井野小学校</t>
  </si>
  <si>
    <t>新林小学校</t>
  </si>
  <si>
    <t>中里小学校</t>
  </si>
  <si>
    <t>滝の沢小学校</t>
  </si>
  <si>
    <t>大鋸小学校</t>
  </si>
  <si>
    <t>天神小学校</t>
  </si>
  <si>
    <t>駒寄小学校</t>
  </si>
  <si>
    <t>高谷小学校</t>
  </si>
  <si>
    <t>小糸小学校</t>
  </si>
  <si>
    <t>大清水小学校</t>
  </si>
  <si>
    <t>石川小学校</t>
  </si>
  <si>
    <t>明治中学校</t>
  </si>
  <si>
    <t>鵠沼中学校</t>
  </si>
  <si>
    <t>六会中学校</t>
  </si>
  <si>
    <t>片瀬中学校</t>
  </si>
  <si>
    <t>御所見中学校</t>
  </si>
  <si>
    <t>湘洋中学校</t>
  </si>
  <si>
    <t>長後中学校</t>
  </si>
  <si>
    <t>藤ケ岡中学校</t>
  </si>
  <si>
    <t>高浜中学校</t>
  </si>
  <si>
    <t>秋葉台中学校</t>
  </si>
  <si>
    <t>善行中学校</t>
  </si>
  <si>
    <t>大庭中学校</t>
  </si>
  <si>
    <t>村岡中学校</t>
  </si>
  <si>
    <t>湘南台中学校</t>
  </si>
  <si>
    <t>高倉中学校</t>
  </si>
  <si>
    <t>滝の沢中学校</t>
  </si>
  <si>
    <t>大清水中学校</t>
  </si>
  <si>
    <t>羽鳥中学校</t>
  </si>
  <si>
    <t>白浜養護学校</t>
  </si>
  <si>
    <t>西部学校給食合同調理場</t>
  </si>
  <si>
    <t>茅ヶ崎小学校</t>
  </si>
  <si>
    <t>西浜小学校</t>
  </si>
  <si>
    <t>鶴嶺小学校</t>
  </si>
  <si>
    <t>松林小学校</t>
  </si>
  <si>
    <t>香川小学校</t>
  </si>
  <si>
    <t>松浪小学校</t>
  </si>
  <si>
    <t>小出小学校</t>
  </si>
  <si>
    <t>梅田小学校</t>
  </si>
  <si>
    <t>鶴が台小学校</t>
  </si>
  <si>
    <t>浜須賀小学校</t>
  </si>
  <si>
    <t>柳島小学校</t>
  </si>
  <si>
    <t>小和田小学校</t>
  </si>
  <si>
    <t>円蔵小学校</t>
  </si>
  <si>
    <t>今宿小学校</t>
  </si>
  <si>
    <t>室田小学校</t>
  </si>
  <si>
    <t>東海岸小学校</t>
  </si>
  <si>
    <t>浜之郷小学校</t>
  </si>
  <si>
    <t>緑が浜小学校</t>
  </si>
  <si>
    <t>汐見台小学校</t>
  </si>
  <si>
    <t>鶴嶺中学校</t>
  </si>
  <si>
    <t>松林中学校</t>
  </si>
  <si>
    <t>西浜中学校</t>
  </si>
  <si>
    <t>松浪中学校</t>
  </si>
  <si>
    <t>梅田中学校</t>
  </si>
  <si>
    <t>鶴が台中学校</t>
  </si>
  <si>
    <t>浜須賀中学校</t>
  </si>
  <si>
    <t>中島中学校</t>
  </si>
  <si>
    <t>北陽中学校</t>
  </si>
  <si>
    <t>円蔵中学校</t>
  </si>
  <si>
    <t>赤羽根中学校</t>
  </si>
  <si>
    <t>萩園中学校</t>
  </si>
  <si>
    <t>学校給食共同調理場</t>
  </si>
  <si>
    <t>逗子小学校</t>
  </si>
  <si>
    <t>沼間小学校</t>
  </si>
  <si>
    <t>久木小学校</t>
  </si>
  <si>
    <t>小坪小学校</t>
  </si>
  <si>
    <t>池子小学校</t>
  </si>
  <si>
    <t>逗子中学校</t>
  </si>
  <si>
    <t>久木中学校</t>
  </si>
  <si>
    <t>沼間中学校</t>
  </si>
  <si>
    <t>三崎小学校</t>
  </si>
  <si>
    <t>岬陽小学校</t>
  </si>
  <si>
    <t>南下浦小学校</t>
  </si>
  <si>
    <t>初声小学校</t>
  </si>
  <si>
    <t>剣崎小学校</t>
  </si>
  <si>
    <t>名向小学校</t>
  </si>
  <si>
    <t>上宮田小学校</t>
  </si>
  <si>
    <t>旭小学校</t>
  </si>
  <si>
    <t>三崎中学校</t>
  </si>
  <si>
    <t>南下浦中学校</t>
  </si>
  <si>
    <t>初声中学校</t>
  </si>
  <si>
    <t>南下浦学校給食共同調理場</t>
  </si>
  <si>
    <t>三崎学校給食共同調理場</t>
  </si>
  <si>
    <t>初声学校給食共同調理場</t>
  </si>
  <si>
    <t>葉山小学校</t>
  </si>
  <si>
    <t>上山口小学校</t>
  </si>
  <si>
    <t>長柄小学校</t>
  </si>
  <si>
    <t>一色小学校</t>
  </si>
  <si>
    <t>葉山中学校</t>
  </si>
  <si>
    <t>南郷中学校</t>
  </si>
  <si>
    <t>寒川小学校</t>
  </si>
  <si>
    <t>一之宮小学校</t>
  </si>
  <si>
    <t>小谷小学校</t>
  </si>
  <si>
    <t>南小学校</t>
  </si>
  <si>
    <t>寒川中学校</t>
  </si>
  <si>
    <t>旭が丘中学校</t>
  </si>
  <si>
    <t>寒川東中学校</t>
  </si>
  <si>
    <t>寒川学校給食センター</t>
  </si>
  <si>
    <t>崇善小学校</t>
  </si>
  <si>
    <t>港小学校</t>
  </si>
  <si>
    <t>松原小学校</t>
  </si>
  <si>
    <t>花水小学校</t>
  </si>
  <si>
    <t>大野小学校</t>
  </si>
  <si>
    <t>中原小学校</t>
  </si>
  <si>
    <t>豊田小学校</t>
  </si>
  <si>
    <t>神田小学校</t>
  </si>
  <si>
    <t>城島小学校</t>
  </si>
  <si>
    <t>岡崎小学校</t>
  </si>
  <si>
    <t>金田小学校</t>
  </si>
  <si>
    <t>土屋小学校</t>
  </si>
  <si>
    <t>吉沢小学校</t>
  </si>
  <si>
    <t>金目小学校</t>
  </si>
  <si>
    <t>横内小学校</t>
  </si>
  <si>
    <t>八幡小学校</t>
  </si>
  <si>
    <t>南原小学校</t>
  </si>
  <si>
    <t>真土小学校</t>
  </si>
  <si>
    <t>松が丘小学校</t>
  </si>
  <si>
    <t>相模小学校</t>
  </si>
  <si>
    <t>なでしこ小学校</t>
  </si>
  <si>
    <t>勝原小学校</t>
  </si>
  <si>
    <t>松延小学校</t>
  </si>
  <si>
    <t>みずほ小学校</t>
  </si>
  <si>
    <t>山下小学校</t>
  </si>
  <si>
    <t>大原小学校</t>
  </si>
  <si>
    <t>江陽中学校</t>
  </si>
  <si>
    <t>太洋中学校</t>
  </si>
  <si>
    <t>春日野中学校</t>
  </si>
  <si>
    <t>浜岳中学校</t>
  </si>
  <si>
    <t>大野中学校</t>
  </si>
  <si>
    <t>神田中学校</t>
  </si>
  <si>
    <t>土沢中学校</t>
  </si>
  <si>
    <t>金旭中学校</t>
  </si>
  <si>
    <t>中原中学校</t>
  </si>
  <si>
    <t>大住中学校</t>
  </si>
  <si>
    <t>山城中学校</t>
  </si>
  <si>
    <t>金目中学校</t>
  </si>
  <si>
    <t>横内中学校</t>
  </si>
  <si>
    <t>旭陵中学校</t>
  </si>
  <si>
    <t>東部学校給食共同調理場</t>
  </si>
  <si>
    <t>北部学校給食共同調理場</t>
  </si>
  <si>
    <t>学校事務連携支援室第１ブロック</t>
  </si>
  <si>
    <t>学校事務連携支援室第２ブロック</t>
  </si>
  <si>
    <t>学校事務連携支援室第３ブロック</t>
  </si>
  <si>
    <t>学校事務連携支援室第４ブロック</t>
  </si>
  <si>
    <t>学校事務連携支援室第５ブロック</t>
  </si>
  <si>
    <t>東小学校</t>
  </si>
  <si>
    <t>北小学校</t>
  </si>
  <si>
    <t>大根小学校</t>
  </si>
  <si>
    <t>広畑小学校</t>
  </si>
  <si>
    <t>渋沢小学校</t>
  </si>
  <si>
    <t>末広小学校</t>
  </si>
  <si>
    <t>南が丘小学校</t>
  </si>
  <si>
    <t>堀川小学校</t>
  </si>
  <si>
    <t>西小学校</t>
  </si>
  <si>
    <t>上小学校</t>
  </si>
  <si>
    <t>鶴巻小学校</t>
  </si>
  <si>
    <t>本町中学校</t>
  </si>
  <si>
    <t>東中学校</t>
  </si>
  <si>
    <t>南中学校</t>
  </si>
  <si>
    <t>北中学校</t>
  </si>
  <si>
    <t>大根中学校</t>
  </si>
  <si>
    <t>南が丘中学校</t>
  </si>
  <si>
    <t>渋沢中学校</t>
  </si>
  <si>
    <t>西中学校</t>
  </si>
  <si>
    <t>鶴巻中学校</t>
  </si>
  <si>
    <t>秦野市学校給食センター</t>
  </si>
  <si>
    <t>西・北地区共同学校事務室</t>
  </si>
  <si>
    <t>本町・東地区共同学校事務室</t>
  </si>
  <si>
    <t>大根・鶴巻地区共同学校事務室</t>
  </si>
  <si>
    <t>南・渋沢地区共同学校事務室</t>
  </si>
  <si>
    <t>伊勢原小学校</t>
  </si>
  <si>
    <t>大山小学校</t>
  </si>
  <si>
    <t>高部屋小学校</t>
  </si>
  <si>
    <t>比々多小学校</t>
  </si>
  <si>
    <t>成瀬小学校</t>
  </si>
  <si>
    <t>大田小学校</t>
  </si>
  <si>
    <t>桜台小学校</t>
  </si>
  <si>
    <t>緑台小学校</t>
  </si>
  <si>
    <t>竹園小学校</t>
  </si>
  <si>
    <t>石田小学校</t>
  </si>
  <si>
    <t>山王中学校</t>
  </si>
  <si>
    <t>成瀬中学校</t>
  </si>
  <si>
    <t>伊勢原中学校</t>
  </si>
  <si>
    <t>中沢中学校</t>
  </si>
  <si>
    <t>大磯小学校</t>
  </si>
  <si>
    <t>国府小学校</t>
  </si>
  <si>
    <t>大磯中学校</t>
  </si>
  <si>
    <t>国府中学校</t>
  </si>
  <si>
    <t>大磯町共同学校事務室</t>
  </si>
  <si>
    <t>二宮小学校</t>
  </si>
  <si>
    <t>山西小学校</t>
  </si>
  <si>
    <t>二宮中学校</t>
  </si>
  <si>
    <t>二宮西中学校</t>
  </si>
  <si>
    <t>二宮町学校給食センター</t>
  </si>
  <si>
    <t>二宮町立小中学校共同学校事務室</t>
  </si>
  <si>
    <t>三の丸小学校</t>
  </si>
  <si>
    <t>新玉小学校</t>
  </si>
  <si>
    <t>足柄小学校</t>
  </si>
  <si>
    <t>芦子小学校</t>
  </si>
  <si>
    <t>大窪小学校</t>
  </si>
  <si>
    <t>早川小学校</t>
  </si>
  <si>
    <t>山王小学校</t>
  </si>
  <si>
    <t>町田小学校</t>
  </si>
  <si>
    <t>久野小学校</t>
  </si>
  <si>
    <t>富水小学校</t>
  </si>
  <si>
    <t>下府中小学校</t>
  </si>
  <si>
    <t>桜井小学校</t>
  </si>
  <si>
    <t>千代小学校</t>
  </si>
  <si>
    <t>下曽我小学校</t>
  </si>
  <si>
    <t>国府津小学校</t>
  </si>
  <si>
    <t>酒匂小学校</t>
  </si>
  <si>
    <t>片浦小学校</t>
  </si>
  <si>
    <t>曽我小学校</t>
  </si>
  <si>
    <t>東富水小学校</t>
  </si>
  <si>
    <t>矢作小学校</t>
  </si>
  <si>
    <t>報徳小学校</t>
  </si>
  <si>
    <t>豊川小学校</t>
  </si>
  <si>
    <t>前羽小学校</t>
  </si>
  <si>
    <t>下中小学校</t>
  </si>
  <si>
    <t>城山中学校</t>
  </si>
  <si>
    <t>白鴎中学校</t>
  </si>
  <si>
    <t>白山中学校</t>
  </si>
  <si>
    <t>城南中学校</t>
  </si>
  <si>
    <t>鴨宮中学校</t>
  </si>
  <si>
    <t>千代中学校</t>
  </si>
  <si>
    <t>国府津中学校</t>
  </si>
  <si>
    <t>酒匂中学校</t>
  </si>
  <si>
    <t>泉中学校</t>
  </si>
  <si>
    <t>城北中学校</t>
  </si>
  <si>
    <t>橘中学校</t>
  </si>
  <si>
    <t>国府津学校給食共同調理場</t>
  </si>
  <si>
    <t>豊川学校給食共同調理場</t>
  </si>
  <si>
    <t>小田原市給食センター</t>
  </si>
  <si>
    <t>橘学校給食共同調理場</t>
  </si>
  <si>
    <t>箱根の森小学校</t>
  </si>
  <si>
    <t>湯本小学校</t>
  </si>
  <si>
    <t>仙石原小学校</t>
  </si>
  <si>
    <t>箱根中学校</t>
  </si>
  <si>
    <t>まなづる小学校</t>
  </si>
  <si>
    <t>真鶴中学校</t>
  </si>
  <si>
    <t>湯河原小学校</t>
  </si>
  <si>
    <t>吉浜小学校</t>
  </si>
  <si>
    <t>東台福浦小学校</t>
  </si>
  <si>
    <t>湯河原中学校</t>
  </si>
  <si>
    <t>南足柄小学校</t>
  </si>
  <si>
    <t>福沢小学校</t>
  </si>
  <si>
    <t>岡本小学校</t>
  </si>
  <si>
    <t>岩原小学校</t>
  </si>
  <si>
    <t>向田小学校</t>
  </si>
  <si>
    <t>南足柄中学校</t>
  </si>
  <si>
    <t>岡本中学校</t>
  </si>
  <si>
    <t>足柄台中学校</t>
  </si>
  <si>
    <t>北足柄学校給食共同調理場</t>
  </si>
  <si>
    <t>井ノ口小学校</t>
  </si>
  <si>
    <t>中村小学校</t>
  </si>
  <si>
    <t>中井中学校</t>
  </si>
  <si>
    <t>中井町学校給食センター</t>
  </si>
  <si>
    <t>中井町共同学校事務室</t>
  </si>
  <si>
    <t>大井小学校</t>
  </si>
  <si>
    <t>相和小学校</t>
  </si>
  <si>
    <t>上大井小学校</t>
  </si>
  <si>
    <t>湘光中学校</t>
  </si>
  <si>
    <t>学校給食センター</t>
  </si>
  <si>
    <t>大井町共同学校事務室</t>
  </si>
  <si>
    <t>松田小学校</t>
  </si>
  <si>
    <t>寄小学校</t>
  </si>
  <si>
    <t>松田中学校</t>
  </si>
  <si>
    <t>川村小学校</t>
  </si>
  <si>
    <t>山北中学校</t>
  </si>
  <si>
    <t>川村小学校共同調理場</t>
  </si>
  <si>
    <t>開成小学校</t>
  </si>
  <si>
    <t>開成南小学校</t>
  </si>
  <si>
    <t>文命中学校</t>
  </si>
  <si>
    <t>厚木小学校</t>
  </si>
  <si>
    <t>依知南小学校</t>
  </si>
  <si>
    <t>鳶尾小学校</t>
  </si>
  <si>
    <t>上荻野小学校</t>
  </si>
  <si>
    <t>毛利台小学校</t>
  </si>
  <si>
    <t>三田小学校</t>
  </si>
  <si>
    <t>清水小学校</t>
  </si>
  <si>
    <t>小鮎小学校</t>
  </si>
  <si>
    <t>玉川小学校</t>
  </si>
  <si>
    <t>南毛利小学校</t>
  </si>
  <si>
    <t>相川小学校</t>
  </si>
  <si>
    <t>厚木第二小学校</t>
  </si>
  <si>
    <t>緑ケ丘小学校</t>
  </si>
  <si>
    <t>戸室小学校</t>
  </si>
  <si>
    <t>愛甲小学校</t>
  </si>
  <si>
    <t>妻田小学校</t>
  </si>
  <si>
    <t>飯山小学校</t>
  </si>
  <si>
    <t>森の里小学校</t>
  </si>
  <si>
    <t>依知小学校</t>
  </si>
  <si>
    <t>戸田小学校</t>
  </si>
  <si>
    <t>上依知小学校</t>
  </si>
  <si>
    <t>厚木中学校</t>
  </si>
  <si>
    <t>依知中学校</t>
  </si>
  <si>
    <t>荻野中学校</t>
  </si>
  <si>
    <t>睦合中学校</t>
  </si>
  <si>
    <t>小鮎中学校</t>
  </si>
  <si>
    <t>玉川中学校</t>
  </si>
  <si>
    <t>南毛利中学校</t>
  </si>
  <si>
    <t>東名中学校</t>
  </si>
  <si>
    <t>林中学校</t>
  </si>
  <si>
    <t>藤塚中学校</t>
  </si>
  <si>
    <t>森の里中学校</t>
  </si>
  <si>
    <t>睦合東中学校</t>
  </si>
  <si>
    <t>相川中学校</t>
  </si>
  <si>
    <t>厚木市北部学校給食センター</t>
  </si>
  <si>
    <t>厚木市南部学校給食センター</t>
  </si>
  <si>
    <t>中津小学校</t>
  </si>
  <si>
    <t>高峰小学校</t>
  </si>
  <si>
    <t>田代小学校</t>
  </si>
  <si>
    <t>半原小学校</t>
  </si>
  <si>
    <t>中津第二小学校</t>
  </si>
  <si>
    <t>菅原小学校</t>
  </si>
  <si>
    <t>愛川東中学校</t>
  </si>
  <si>
    <t>愛川中学校</t>
  </si>
  <si>
    <t>愛川中原中学校</t>
  </si>
  <si>
    <t>高峰小学校共同調理場</t>
  </si>
  <si>
    <t>田代小学校共同調理場</t>
  </si>
  <si>
    <t>半原小学校共同調理場</t>
  </si>
  <si>
    <t>中津第二小学校共同調理場</t>
  </si>
  <si>
    <t>菅原小学校共同調理場</t>
  </si>
  <si>
    <t>緑小学校</t>
  </si>
  <si>
    <t>宮ケ瀬小学校</t>
  </si>
  <si>
    <t>緑中学校</t>
  </si>
  <si>
    <t>宮ケ瀬中学校</t>
  </si>
  <si>
    <t>清川村学校給食センター</t>
  </si>
  <si>
    <t>北大和小学校</t>
  </si>
  <si>
    <t>林間小学校</t>
  </si>
  <si>
    <t>大和小学校</t>
  </si>
  <si>
    <t>草柳小学校</t>
  </si>
  <si>
    <t>深見小学校</t>
  </si>
  <si>
    <t>桜丘小学校</t>
  </si>
  <si>
    <t>渋谷小学校</t>
  </si>
  <si>
    <t>西鶴間小学校</t>
  </si>
  <si>
    <t>緑野小学校</t>
  </si>
  <si>
    <t>上和田小学校</t>
  </si>
  <si>
    <t>柳橋小学校</t>
  </si>
  <si>
    <t>南林間小学校</t>
  </si>
  <si>
    <t>福田小学校</t>
  </si>
  <si>
    <t>大野原小学校</t>
  </si>
  <si>
    <t>下福田小学校</t>
  </si>
  <si>
    <t>大和東小学校</t>
  </si>
  <si>
    <t>文ケ岡小学校</t>
  </si>
  <si>
    <t>中央林間小学校</t>
  </si>
  <si>
    <t>引地台小学校</t>
  </si>
  <si>
    <t>大和中学校</t>
  </si>
  <si>
    <t>光丘中学校</t>
  </si>
  <si>
    <t>渋谷中学校</t>
  </si>
  <si>
    <t>つきみ野中学校</t>
  </si>
  <si>
    <t>鶴間中学校</t>
  </si>
  <si>
    <t>引地台中学校</t>
  </si>
  <si>
    <t>上和田中学校</t>
  </si>
  <si>
    <t>南林間中学校</t>
  </si>
  <si>
    <t>下福田中学校</t>
  </si>
  <si>
    <t>南部学校給食共同調理場</t>
  </si>
  <si>
    <t>中部学校給食共同調理場</t>
  </si>
  <si>
    <t>林間地域共同学校事務室</t>
  </si>
  <si>
    <t>鶴間地域共同学校事務室</t>
  </si>
  <si>
    <t>大和地域共同学校事務室</t>
  </si>
  <si>
    <t>渋谷地域共同学校事務室</t>
  </si>
  <si>
    <t>海老名小学校</t>
  </si>
  <si>
    <t>柏ケ谷小学校</t>
  </si>
  <si>
    <t>有鹿小学校</t>
  </si>
  <si>
    <t>有馬小学校</t>
  </si>
  <si>
    <t>大谷小学校</t>
  </si>
  <si>
    <t>上星小学校</t>
  </si>
  <si>
    <t>中新田小学校</t>
  </si>
  <si>
    <t>門沢橋小学校</t>
  </si>
  <si>
    <t>東柏ケ谷小学校</t>
  </si>
  <si>
    <t>社家小学校</t>
  </si>
  <si>
    <t>杉久保小学校</t>
  </si>
  <si>
    <t>杉本小学校</t>
  </si>
  <si>
    <t>海老名中学校</t>
  </si>
  <si>
    <t>有馬中学校</t>
  </si>
  <si>
    <t>海西中学校</t>
  </si>
  <si>
    <t>柏ケ谷中学校</t>
  </si>
  <si>
    <t>大谷中学校</t>
  </si>
  <si>
    <t>今泉中学校</t>
  </si>
  <si>
    <t>海老名市食の創造館</t>
  </si>
  <si>
    <t>海老名市食の創造館別館</t>
  </si>
  <si>
    <t>座間小学校</t>
  </si>
  <si>
    <t>栗原小学校</t>
  </si>
  <si>
    <t>相模野小学校</t>
  </si>
  <si>
    <t>相武台東小学校</t>
  </si>
  <si>
    <t>ひばりが丘小学校</t>
  </si>
  <si>
    <t>東原小学校</t>
  </si>
  <si>
    <t>相模が丘小学校</t>
  </si>
  <si>
    <t>立野台小学校</t>
  </si>
  <si>
    <t>入谷小学校</t>
  </si>
  <si>
    <t>座間中学校</t>
  </si>
  <si>
    <t>栗原中学校</t>
  </si>
  <si>
    <t>相模中学校</t>
  </si>
  <si>
    <t>綾瀬小学校</t>
  </si>
  <si>
    <t>綾北小学校</t>
  </si>
  <si>
    <t>綾西小学校</t>
  </si>
  <si>
    <t>早園小学校</t>
  </si>
  <si>
    <t>綾南小学校</t>
  </si>
  <si>
    <t>天台小学校</t>
  </si>
  <si>
    <t>北の台小学校</t>
  </si>
  <si>
    <t>落合小学校</t>
  </si>
  <si>
    <t>土棚小学校</t>
  </si>
  <si>
    <t>寺尾小学校</t>
  </si>
  <si>
    <t>綾瀬中学校</t>
  </si>
  <si>
    <t>綾北中学校</t>
  </si>
  <si>
    <t>北の台中学校</t>
  </si>
  <si>
    <t>春日台中学校</t>
  </si>
  <si>
    <t>綾瀬市学校給食センター</t>
  </si>
  <si>
    <t>政策局総務室</t>
  </si>
  <si>
    <t>総務局総務室</t>
  </si>
  <si>
    <t>くらし安全防災局総務室</t>
  </si>
  <si>
    <t>文化スポーツ観光局総務室</t>
  </si>
  <si>
    <t>環境農政局総務室</t>
  </si>
  <si>
    <t>福祉子どもみらい局総務室</t>
  </si>
  <si>
    <t>健康医療局総務室</t>
  </si>
  <si>
    <t>産業労働局総務室</t>
  </si>
  <si>
    <t>県土整備局総務室</t>
  </si>
  <si>
    <t>企業局総務室</t>
  </si>
  <si>
    <t>教育局総務室</t>
  </si>
  <si>
    <t>〇インターネットメールの添付ファイル等、インターネット上から取得したファイルは、KSCのファイル無害化機能又はファイル交換機能を利用する。
〇外部の事業者等から電子データを受領する際は、KSCのオンラインストレージサービスを利用し、KSCのファイル無害化機能又はファイル交換機能を利用する。
〇やむを得ず、外部記録媒体を使用する際は、「外部記録媒体取扱要領」に従う。
〇個人点検シート、情報セキュリティ監査や研修等により、適切なコンピュータウィルス対策を実施するよう徹底する。</t>
    <rPh sb="12" eb="14">
      <t>テンプ</t>
    </rPh>
    <rPh sb="18" eb="19">
      <t>トウ</t>
    </rPh>
    <rPh sb="27" eb="28">
      <t>ジョウ</t>
    </rPh>
    <rPh sb="30" eb="32">
      <t>シュトク</t>
    </rPh>
    <rPh sb="48" eb="51">
      <t>ムガイカ</t>
    </rPh>
    <rPh sb="51" eb="53">
      <t>キノウ</t>
    </rPh>
    <rPh sb="53" eb="54">
      <t>マタ</t>
    </rPh>
    <rPh sb="59" eb="61">
      <t>コウカン</t>
    </rPh>
    <rPh sb="61" eb="63">
      <t>キノウ</t>
    </rPh>
    <rPh sb="64" eb="66">
      <t>リヨウ</t>
    </rPh>
    <rPh sb="71" eb="73">
      <t>ガイブ</t>
    </rPh>
    <rPh sb="74" eb="77">
      <t>ジギョウシャ</t>
    </rPh>
    <rPh sb="77" eb="78">
      <t>トウ</t>
    </rPh>
    <rPh sb="80" eb="82">
      <t>デンシ</t>
    </rPh>
    <rPh sb="86" eb="88">
      <t>ジュリョウ</t>
    </rPh>
    <rPh sb="90" eb="91">
      <t>サイ</t>
    </rPh>
    <rPh sb="112" eb="114">
      <t>リヨウ</t>
    </rPh>
    <rPh sb="124" eb="127">
      <t>ムガイカ</t>
    </rPh>
    <rPh sb="127" eb="129">
      <t>キノウ</t>
    </rPh>
    <rPh sb="129" eb="130">
      <t>マタ</t>
    </rPh>
    <rPh sb="135" eb="137">
      <t>コウカン</t>
    </rPh>
    <rPh sb="137" eb="139">
      <t>キノウ</t>
    </rPh>
    <rPh sb="140" eb="142">
      <t>リヨウ</t>
    </rPh>
    <rPh sb="150" eb="151">
      <t>エ</t>
    </rPh>
    <rPh sb="160" eb="162">
      <t>シヨウ</t>
    </rPh>
    <rPh sb="164" eb="165">
      <t>サイ</t>
    </rPh>
    <rPh sb="180" eb="181">
      <t>シタガ</t>
    </rPh>
    <rPh sb="193" eb="195">
      <t>ジョウホウ</t>
    </rPh>
    <rPh sb="201" eb="203">
      <t>カンサ</t>
    </rPh>
    <rPh sb="204" eb="206">
      <t>ケンシュウ</t>
    </rPh>
    <rPh sb="206" eb="207">
      <t>トウ</t>
    </rPh>
    <rPh sb="211" eb="213">
      <t>テキセツ</t>
    </rPh>
    <rPh sb="224" eb="226">
      <t>タイサク</t>
    </rPh>
    <rPh sb="227" eb="229">
      <t>ジッシ</t>
    </rPh>
    <rPh sb="233" eb="235">
      <t>テッテイ</t>
    </rPh>
    <phoneticPr fontId="4"/>
  </si>
  <si>
    <t>〇ウィルス対策ソフトを導入し、パターンファイルを常に最新に保つ。
〇個人点検シート、情報セキュリティ監査や研修等により、適切なコンピュータウィルス対策を実施するよう徹底する。</t>
    <rPh sb="5" eb="7">
      <t>タイサク</t>
    </rPh>
    <rPh sb="11" eb="13">
      <t>ドウニュウ</t>
    </rPh>
    <rPh sb="24" eb="25">
      <t>ツネ</t>
    </rPh>
    <rPh sb="26" eb="28">
      <t>サイシン</t>
    </rPh>
    <rPh sb="29" eb="30">
      <t>タモ</t>
    </rPh>
    <rPh sb="42" eb="44">
      <t>ジョウホウ</t>
    </rPh>
    <rPh sb="50" eb="52">
      <t>カンサ</t>
    </rPh>
    <rPh sb="53" eb="55">
      <t>ケンシュウ</t>
    </rPh>
    <rPh sb="55" eb="56">
      <t>トウ</t>
    </rPh>
    <rPh sb="60" eb="62">
      <t>テキセツ</t>
    </rPh>
    <rPh sb="73" eb="75">
      <t>タイサク</t>
    </rPh>
    <rPh sb="76" eb="78">
      <t>ジッシ</t>
    </rPh>
    <rPh sb="82" eb="84">
      <t>テッテイ</t>
    </rPh>
    <phoneticPr fontId="4"/>
  </si>
  <si>
    <t>・情報セキュリティ監査
・情報セキュリティ研修
・外部記録媒体取扱要領
・個人点検シート</t>
    <rPh sb="1" eb="3">
      <t>ジョウホウ</t>
    </rPh>
    <rPh sb="9" eb="11">
      <t>カンサ</t>
    </rPh>
    <rPh sb="13" eb="15">
      <t>ジョウホウ</t>
    </rPh>
    <rPh sb="21" eb="23">
      <t>ケンシュウ</t>
    </rPh>
    <rPh sb="37" eb="39">
      <t>コジン</t>
    </rPh>
    <rPh sb="39" eb="41">
      <t>テンケン</t>
    </rPh>
    <phoneticPr fontId="1"/>
  </si>
  <si>
    <t>○個人点検シート、情報セキュリティ監査や研修等により、私物の機器等を業務で利用しないよう再徹底を図る。</t>
    <rPh sb="22" eb="23">
      <t>トウ</t>
    </rPh>
    <rPh sb="27" eb="29">
      <t>シブツ</t>
    </rPh>
    <rPh sb="30" eb="32">
      <t>キキ</t>
    </rPh>
    <rPh sb="32" eb="33">
      <t>トウ</t>
    </rPh>
    <rPh sb="34" eb="36">
      <t>ギョウム</t>
    </rPh>
    <rPh sb="37" eb="39">
      <t>リヨウ</t>
    </rPh>
    <rPh sb="44" eb="47">
      <t>サイテッテイ</t>
    </rPh>
    <rPh sb="48" eb="49">
      <t>ハカ</t>
    </rPh>
    <phoneticPr fontId="4"/>
  </si>
  <si>
    <t>○個人点検シート、情報セキュリティ監査や研修等により、私物の機器等を業務で利用しないよう再徹底を図る。</t>
    <rPh sb="27" eb="29">
      <t>シブツ</t>
    </rPh>
    <rPh sb="30" eb="32">
      <t>キキ</t>
    </rPh>
    <rPh sb="32" eb="33">
      <t>トウ</t>
    </rPh>
    <rPh sb="34" eb="36">
      <t>ギョウム</t>
    </rPh>
    <rPh sb="37" eb="39">
      <t>リヨウ</t>
    </rPh>
    <rPh sb="44" eb="47">
      <t>サイテッテイ</t>
    </rPh>
    <rPh sb="48" eb="49">
      <t>ハカ</t>
    </rPh>
    <phoneticPr fontId="4"/>
  </si>
  <si>
    <t>〇サポートのあるソフトウェアを利用する。
○情報セキュリティ監査や研修等により、ソフトウェアを適切に管理するよう再徹底を図る。
〇所属で台帳を作成し、適正に管理する。</t>
    <rPh sb="35" eb="36">
      <t>トウ</t>
    </rPh>
    <rPh sb="47" eb="49">
      <t>テキセツ</t>
    </rPh>
    <rPh sb="50" eb="52">
      <t>カンリ</t>
    </rPh>
    <rPh sb="56" eb="59">
      <t>サイテッテイ</t>
    </rPh>
    <rPh sb="60" eb="61">
      <t>ハカ</t>
    </rPh>
    <rPh sb="65" eb="67">
      <t>ショゾク</t>
    </rPh>
    <rPh sb="68" eb="70">
      <t>ダイチョウ</t>
    </rPh>
    <rPh sb="71" eb="73">
      <t>サクセイ</t>
    </rPh>
    <rPh sb="75" eb="77">
      <t>テキセイ</t>
    </rPh>
    <rPh sb="78" eb="80">
      <t>カンリ</t>
    </rPh>
    <phoneticPr fontId="4"/>
  </si>
  <si>
    <t xml:space="preserve">○情報セキュリティ監査や研修等により、ソフトウェアを適切に管理するよう再徹底を図る。
</t>
    <phoneticPr fontId="1"/>
  </si>
  <si>
    <t>〇ライセンスに従ったソフトウェアの利用を徹底する。
○情報セキュリティ監査や研修等により、ソフトウェアを適切に管理するよう再徹底を図る。
〇所属で台帳を作成し、適正に管理する。</t>
    <rPh sb="7" eb="8">
      <t>シタガ</t>
    </rPh>
    <rPh sb="17" eb="19">
      <t>リヨウ</t>
    </rPh>
    <rPh sb="20" eb="22">
      <t>テッテイ</t>
    </rPh>
    <rPh sb="40" eb="41">
      <t>トウ</t>
    </rPh>
    <rPh sb="52" eb="54">
      <t>テキセツ</t>
    </rPh>
    <rPh sb="55" eb="57">
      <t>カンリ</t>
    </rPh>
    <rPh sb="61" eb="64">
      <t>サイテッテイ</t>
    </rPh>
    <rPh sb="65" eb="66">
      <t>ハカ</t>
    </rPh>
    <phoneticPr fontId="4"/>
  </si>
  <si>
    <t>○個人点検シート、情報セキュリティ監査や研修等により、情報へのアクセス権を適切に設定するよう再徹底を図る。
〇重要情報にアクセスできる権限は最小限にする。
〇利便性を優先し、アクセス権を広く設定しない。
○外部記録媒体への書き出しや、ファイル交換での情報持ち出しの際は、業務上必要か、不正な情報が含まれていないか確認を徹底する。
○重要情報の共有範囲をあらかじめ決めておく。
○重要情報が記載された文書に「取扱注意」と明記する。</t>
    <rPh sb="22" eb="23">
      <t>トウ</t>
    </rPh>
    <rPh sb="103" eb="105">
      <t>ガイブ</t>
    </rPh>
    <phoneticPr fontId="4"/>
  </si>
  <si>
    <t>○情報セキュリティ監査や研修等により、情報へのアクセス権を適切に設定するよう再徹底を図る。
○個人点検シートや研修により周知徹底を図る。</t>
    <phoneticPr fontId="1"/>
  </si>
  <si>
    <t xml:space="preserve">・情報セキュリティ監査
・情報セキュリティ研修
・所属サーバ運営要領
・個人点検シート
・職員行動指針
・ソーシャルメディアの私的利用ハンドブック
・実施方針通知
・不祥事防止研修
</t>
    <phoneticPr fontId="1"/>
  </si>
  <si>
    <t>○個人点検シート、情報セキュリティ監査や研修等により、離席時には画面をロックするよう再徹底を図る。</t>
    <rPh sb="27" eb="29">
      <t>リセキ</t>
    </rPh>
    <rPh sb="29" eb="30">
      <t>ジ</t>
    </rPh>
    <rPh sb="32" eb="34">
      <t>ガメン</t>
    </rPh>
    <rPh sb="42" eb="45">
      <t>サイテッテイ</t>
    </rPh>
    <rPh sb="46" eb="47">
      <t>ハカ</t>
    </rPh>
    <phoneticPr fontId="4"/>
  </si>
  <si>
    <t>〇国からの通知を遅滞なく所属内に周知し、定期的に事務執行体制をチェックすることで、漏えい・紛失を防ぐよう努める。
○マイナンバー研修等により、マイナンバーを取り扱う事務の内容に応じて適切な管理を徹底する。</t>
    <rPh sb="1" eb="2">
      <t>クニ</t>
    </rPh>
    <rPh sb="5" eb="7">
      <t>ツウチ</t>
    </rPh>
    <rPh sb="8" eb="10">
      <t>チタイ</t>
    </rPh>
    <rPh sb="12" eb="14">
      <t>ショゾク</t>
    </rPh>
    <rPh sb="14" eb="15">
      <t>ナイ</t>
    </rPh>
    <rPh sb="16" eb="18">
      <t>シュウチ</t>
    </rPh>
    <rPh sb="20" eb="23">
      <t>テイキテキ</t>
    </rPh>
    <rPh sb="24" eb="26">
      <t>ジム</t>
    </rPh>
    <rPh sb="26" eb="28">
      <t>シッコウ</t>
    </rPh>
    <rPh sb="28" eb="30">
      <t>タイセイ</t>
    </rPh>
    <rPh sb="41" eb="42">
      <t>ロウ</t>
    </rPh>
    <rPh sb="45" eb="47">
      <t>フンシツ</t>
    </rPh>
    <rPh sb="48" eb="49">
      <t>フセ</t>
    </rPh>
    <rPh sb="52" eb="53">
      <t>ツト</t>
    </rPh>
    <rPh sb="78" eb="79">
      <t>ト</t>
    </rPh>
    <rPh sb="80" eb="81">
      <t>アツカ</t>
    </rPh>
    <rPh sb="82" eb="84">
      <t>ジム</t>
    </rPh>
    <rPh sb="85" eb="87">
      <t>ナイヨウ</t>
    </rPh>
    <rPh sb="88" eb="89">
      <t>オウ</t>
    </rPh>
    <rPh sb="91" eb="93">
      <t>テキセツ</t>
    </rPh>
    <rPh sb="94" eb="96">
      <t>カンリ</t>
    </rPh>
    <rPh sb="97" eb="99">
      <t>テッテイ</t>
    </rPh>
    <phoneticPr fontId="4"/>
  </si>
  <si>
    <t>・情報漏えい事故対応通知
・情報セキュリティ監査
・神奈川県特定個人情報等安全管理基本方針
・監査実施要領、実施計画</t>
    <rPh sb="1" eb="3">
      <t>ジョウホウ</t>
    </rPh>
    <rPh sb="3" eb="4">
      <t>ロウ</t>
    </rPh>
    <rPh sb="6" eb="8">
      <t>ジコ</t>
    </rPh>
    <rPh sb="8" eb="10">
      <t>タイオウ</t>
    </rPh>
    <rPh sb="10" eb="12">
      <t>ツウチ</t>
    </rPh>
    <phoneticPr fontId="1"/>
  </si>
  <si>
    <t>電子メール、ファクシミリの誤送信、郵便の誤送付</t>
    <rPh sb="13" eb="16">
      <t>ゴソウシン</t>
    </rPh>
    <rPh sb="17" eb="19">
      <t>ユウビン</t>
    </rPh>
    <rPh sb="22" eb="23">
      <t>フ</t>
    </rPh>
    <phoneticPr fontId="1"/>
  </si>
  <si>
    <t>○個人点検シート、情報セキュリティ監査、個人情報等安全管理監査や研修等により、複数人によるチェックを実施する、同姓同名等の宛先の確認に個人を確実に識別できる複数の情報を確認するなど、再徹底を図る。
〇メール誤送信防止機能を正しく使う。
○特に重要な文書の発送に際して、発送や到達の確認ができるよう、記録が残る方法を選択する。</t>
    <rPh sb="34" eb="35">
      <t>トウ</t>
    </rPh>
    <rPh sb="55" eb="59">
      <t>ドウセイドウメイ</t>
    </rPh>
    <rPh sb="59" eb="60">
      <t>トウ</t>
    </rPh>
    <rPh sb="61" eb="63">
      <t>アテサキ</t>
    </rPh>
    <rPh sb="64" eb="66">
      <t>カクニン</t>
    </rPh>
    <rPh sb="67" eb="69">
      <t>コジン</t>
    </rPh>
    <rPh sb="70" eb="72">
      <t>カクジツ</t>
    </rPh>
    <rPh sb="73" eb="75">
      <t>シキベツ</t>
    </rPh>
    <rPh sb="78" eb="80">
      <t>フクスウ</t>
    </rPh>
    <rPh sb="81" eb="83">
      <t>ジョウホウ</t>
    </rPh>
    <rPh sb="84" eb="86">
      <t>カクニン</t>
    </rPh>
    <rPh sb="111" eb="112">
      <t>タダ</t>
    </rPh>
    <rPh sb="114" eb="115">
      <t>ツカ</t>
    </rPh>
    <phoneticPr fontId="4"/>
  </si>
  <si>
    <t>○個人点検シート、個人情報に係る事故事例集、情報セキュリティ監査や研修等により、複数人によるチェックを実施するよう再徹底を図る。
〇メール誤送信防止防止機能を整備する。</t>
    <rPh sb="18" eb="20">
      <t>ジレイ</t>
    </rPh>
    <rPh sb="20" eb="21">
      <t>シュウ</t>
    </rPh>
    <rPh sb="69" eb="72">
      <t>ゴソウシン</t>
    </rPh>
    <rPh sb="72" eb="74">
      <t>ボウシ</t>
    </rPh>
    <rPh sb="74" eb="76">
      <t>ボウシ</t>
    </rPh>
    <rPh sb="76" eb="78">
      <t>キノウ</t>
    </rPh>
    <rPh sb="79" eb="81">
      <t>セイビ</t>
    </rPh>
    <phoneticPr fontId="1"/>
  </si>
  <si>
    <t>○個人点検シート、情報セキュリティ監査や研修等により、認証情報を適切に管理するよう再徹底を図る。
〇IDを使いまわしたり、パスワードをすぐ確認できる状態で保存しない。
〇不要なIDを削除する等の棚卸しを行う、やむを得ず共用IDを利用する場合は人事異動等の際にパスワードを変更するなど定期的に確認する。</t>
    <rPh sb="22" eb="23">
      <t>トウ</t>
    </rPh>
    <rPh sb="27" eb="29">
      <t>ニンショウ</t>
    </rPh>
    <rPh sb="29" eb="31">
      <t>ジョウホウ</t>
    </rPh>
    <rPh sb="32" eb="34">
      <t>テキセツ</t>
    </rPh>
    <rPh sb="35" eb="37">
      <t>カンリ</t>
    </rPh>
    <rPh sb="41" eb="44">
      <t>サイテッテイ</t>
    </rPh>
    <rPh sb="45" eb="46">
      <t>ハカ</t>
    </rPh>
    <rPh sb="53" eb="54">
      <t>ツカ</t>
    </rPh>
    <rPh sb="69" eb="71">
      <t>カクニン</t>
    </rPh>
    <rPh sb="74" eb="76">
      <t>ジョウタイ</t>
    </rPh>
    <rPh sb="77" eb="79">
      <t>ホゾン</t>
    </rPh>
    <rPh sb="85" eb="87">
      <t>フヨウ</t>
    </rPh>
    <rPh sb="91" eb="93">
      <t>サクジョ</t>
    </rPh>
    <rPh sb="95" eb="96">
      <t>トウ</t>
    </rPh>
    <rPh sb="97" eb="99">
      <t>タナオロ</t>
    </rPh>
    <rPh sb="101" eb="102">
      <t>オコナ</t>
    </rPh>
    <rPh sb="107" eb="108">
      <t>エ</t>
    </rPh>
    <rPh sb="109" eb="111">
      <t>キョウヨウ</t>
    </rPh>
    <rPh sb="114" eb="116">
      <t>リヨウ</t>
    </rPh>
    <rPh sb="118" eb="120">
      <t>バアイ</t>
    </rPh>
    <rPh sb="121" eb="123">
      <t>ジンジ</t>
    </rPh>
    <rPh sb="123" eb="125">
      <t>イドウ</t>
    </rPh>
    <rPh sb="125" eb="126">
      <t>トウ</t>
    </rPh>
    <rPh sb="127" eb="128">
      <t>サイ</t>
    </rPh>
    <rPh sb="135" eb="137">
      <t>ヘンコウ</t>
    </rPh>
    <rPh sb="141" eb="144">
      <t>テイキテキ</t>
    </rPh>
    <rPh sb="145" eb="147">
      <t>カクニン</t>
    </rPh>
    <phoneticPr fontId="4"/>
  </si>
  <si>
    <t>○個人点検シート、情報セキュリティ監査や研修等により、認証情報を適切に管理するよう再徹底を図る。</t>
    <phoneticPr fontId="1"/>
  </si>
  <si>
    <t>○個人点検シート、情報セキュリティ監査や研修等により、情報へのアクセス権を適切に設定するよう再徹底を図る。
〇重要情報にアクセスできる権限は最小限にする。
〇利便性を優先し、アクセス権を広く設定しない。</t>
    <rPh sb="22" eb="23">
      <t>トウ</t>
    </rPh>
    <rPh sb="27" eb="29">
      <t>ジョウホウ</t>
    </rPh>
    <rPh sb="35" eb="36">
      <t>ケン</t>
    </rPh>
    <rPh sb="37" eb="39">
      <t>テキセツ</t>
    </rPh>
    <rPh sb="40" eb="42">
      <t>セッテイ</t>
    </rPh>
    <rPh sb="46" eb="49">
      <t>サイテッテイ</t>
    </rPh>
    <rPh sb="50" eb="51">
      <t>ハカ</t>
    </rPh>
    <rPh sb="55" eb="57">
      <t>ジュウヨウ</t>
    </rPh>
    <rPh sb="57" eb="59">
      <t>ジョウホウ</t>
    </rPh>
    <rPh sb="67" eb="69">
      <t>ケンゲン</t>
    </rPh>
    <rPh sb="70" eb="73">
      <t>サイショウゲン</t>
    </rPh>
    <rPh sb="79" eb="82">
      <t>リベンセイ</t>
    </rPh>
    <rPh sb="83" eb="85">
      <t>ユウセン</t>
    </rPh>
    <rPh sb="91" eb="92">
      <t>ケン</t>
    </rPh>
    <rPh sb="93" eb="94">
      <t>ヒロ</t>
    </rPh>
    <rPh sb="95" eb="97">
      <t>セッテイ</t>
    </rPh>
    <phoneticPr fontId="4"/>
  </si>
  <si>
    <t>○個人点検シート、情報セキュリティ監査や研修等により、情報へのアクセス権を適切に設定するよう再徹底を図る。</t>
    <phoneticPr fontId="1"/>
  </si>
  <si>
    <t>・情報セキュリティ監査
・情報セキュリティ研修
・所属サーバ運営要領
・個人点検シート</t>
    <rPh sb="1" eb="3">
      <t>ジョウホウ</t>
    </rPh>
    <rPh sb="9" eb="11">
      <t>カンサ</t>
    </rPh>
    <rPh sb="13" eb="15">
      <t>ジョウホウ</t>
    </rPh>
    <rPh sb="21" eb="23">
      <t>ケンシュウ</t>
    </rPh>
    <rPh sb="36" eb="38">
      <t>コジン</t>
    </rPh>
    <rPh sb="38" eb="40">
      <t>テンケン</t>
    </rPh>
    <phoneticPr fontId="1"/>
  </si>
  <si>
    <t>○個人点検シート、情報セキュリティ監査や研修等により、機器等の紛失が発生しないよう再徹底を図る。
〇所属で台帳を作成し、適正に管理する。
〇紛失した場合の技術的対策を講じる。
〇紛失時の連絡先等の規定がある場合は、再徹底を図る。</t>
    <rPh sb="22" eb="23">
      <t>トウ</t>
    </rPh>
    <rPh sb="27" eb="29">
      <t>キキ</t>
    </rPh>
    <rPh sb="29" eb="30">
      <t>トウ</t>
    </rPh>
    <rPh sb="31" eb="33">
      <t>フンシツ</t>
    </rPh>
    <rPh sb="34" eb="36">
      <t>ハッセイ</t>
    </rPh>
    <rPh sb="41" eb="44">
      <t>サイテッテイ</t>
    </rPh>
    <rPh sb="45" eb="46">
      <t>ハカ</t>
    </rPh>
    <rPh sb="89" eb="91">
      <t>フンシツ</t>
    </rPh>
    <rPh sb="91" eb="92">
      <t>ジ</t>
    </rPh>
    <rPh sb="93" eb="96">
      <t>レンラクサキ</t>
    </rPh>
    <rPh sb="96" eb="97">
      <t>トウ</t>
    </rPh>
    <rPh sb="98" eb="100">
      <t>キテイ</t>
    </rPh>
    <rPh sb="103" eb="105">
      <t>バアイ</t>
    </rPh>
    <rPh sb="107" eb="110">
      <t>サイテッテイ</t>
    </rPh>
    <rPh sb="111" eb="112">
      <t>ハカ</t>
    </rPh>
    <phoneticPr fontId="4"/>
  </si>
  <si>
    <t>○個人点検シート、情報セキュリティ監査や研修等により、機器等の紛失が発生しないよう再徹底を図る。</t>
    <phoneticPr fontId="1"/>
  </si>
  <si>
    <t>・情報セキュリティ監査
・情報セキュリティ研修
・共通利用パソコン運営要領
・個人点検シート</t>
    <rPh sb="1" eb="3">
      <t>ジョウホウ</t>
    </rPh>
    <rPh sb="9" eb="11">
      <t>カンサ</t>
    </rPh>
    <rPh sb="13" eb="15">
      <t>ジョウホウ</t>
    </rPh>
    <rPh sb="21" eb="23">
      <t>ケンシュウ</t>
    </rPh>
    <rPh sb="39" eb="41">
      <t>コジン</t>
    </rPh>
    <rPh sb="41" eb="43">
      <t>テンケン</t>
    </rPh>
    <phoneticPr fontId="1"/>
  </si>
  <si>
    <t>〇外部記録媒体利用制御システムを利用した、適正な外部記録媒体等の利用を徹底する。
〇所属で管理する外部記録媒体以外は利用しない。
〇職員まかせではなく所属としての管理を、外部記録媒体取扱要領に基づき、徹底する。
〇個人点検シート、情報セキュリティ監査や研修等により繰り返し指導する。</t>
    <rPh sb="1" eb="3">
      <t>ガイブ</t>
    </rPh>
    <rPh sb="3" eb="5">
      <t>キロク</t>
    </rPh>
    <rPh sb="5" eb="7">
      <t>バイタイ</t>
    </rPh>
    <rPh sb="7" eb="9">
      <t>リヨウ</t>
    </rPh>
    <rPh sb="9" eb="11">
      <t>セイギョ</t>
    </rPh>
    <rPh sb="16" eb="18">
      <t>リヨウ</t>
    </rPh>
    <rPh sb="21" eb="23">
      <t>テキセイ</t>
    </rPh>
    <rPh sb="24" eb="26">
      <t>ガイブ</t>
    </rPh>
    <rPh sb="26" eb="28">
      <t>キロク</t>
    </rPh>
    <rPh sb="28" eb="30">
      <t>バイタイ</t>
    </rPh>
    <rPh sb="30" eb="31">
      <t>ナド</t>
    </rPh>
    <rPh sb="32" eb="34">
      <t>リヨウ</t>
    </rPh>
    <rPh sb="35" eb="37">
      <t>テッテイ</t>
    </rPh>
    <rPh sb="66" eb="68">
      <t>ショクイン</t>
    </rPh>
    <rPh sb="75" eb="77">
      <t>ショゾク</t>
    </rPh>
    <rPh sb="81" eb="83">
      <t>カンリ</t>
    </rPh>
    <rPh sb="96" eb="97">
      <t>モト</t>
    </rPh>
    <rPh sb="100" eb="102">
      <t>テッテイ</t>
    </rPh>
    <rPh sb="107" eb="109">
      <t>コジン</t>
    </rPh>
    <rPh sb="109" eb="111">
      <t>テンケン</t>
    </rPh>
    <rPh sb="128" eb="129">
      <t>トウ</t>
    </rPh>
    <rPh sb="132" eb="133">
      <t>ク</t>
    </rPh>
    <rPh sb="134" eb="135">
      <t>カエ</t>
    </rPh>
    <rPh sb="136" eb="138">
      <t>シドウ</t>
    </rPh>
    <phoneticPr fontId="4"/>
  </si>
  <si>
    <t>〇個人点検シート、情報セキュリティ監査や研修等により繰り返し指導する。</t>
    <phoneticPr fontId="1"/>
  </si>
  <si>
    <t>・情報セキュリティ監査
・情報セキュリティ研修
・個人点検シート
・外部記録媒体取扱要領</t>
    <rPh sb="1" eb="3">
      <t>ジョウホウ</t>
    </rPh>
    <rPh sb="9" eb="11">
      <t>カンサ</t>
    </rPh>
    <rPh sb="13" eb="15">
      <t>ジョウホウ</t>
    </rPh>
    <rPh sb="21" eb="23">
      <t>ケンシュウ</t>
    </rPh>
    <rPh sb="25" eb="27">
      <t>コジン</t>
    </rPh>
    <rPh sb="27" eb="29">
      <t>テンケン</t>
    </rPh>
    <phoneticPr fontId="1"/>
  </si>
  <si>
    <t>○個人点検シート、情報セキュリティ監査や研修等により、離席時には画面をロックするよう再徹底を図る。
〇庁舎外でパソコンを利用する場合も、覗き見をされないように配慮する。</t>
    <rPh sb="22" eb="23">
      <t>トウ</t>
    </rPh>
    <rPh sb="27" eb="29">
      <t>リセキ</t>
    </rPh>
    <rPh sb="29" eb="30">
      <t>ジ</t>
    </rPh>
    <rPh sb="32" eb="34">
      <t>ガメン</t>
    </rPh>
    <rPh sb="42" eb="45">
      <t>サイテッテイ</t>
    </rPh>
    <rPh sb="46" eb="47">
      <t>ハカ</t>
    </rPh>
    <rPh sb="51" eb="53">
      <t>チョウシャ</t>
    </rPh>
    <rPh sb="53" eb="54">
      <t>ガイ</t>
    </rPh>
    <rPh sb="60" eb="62">
      <t>リヨウ</t>
    </rPh>
    <rPh sb="64" eb="66">
      <t>バアイ</t>
    </rPh>
    <rPh sb="68" eb="69">
      <t>ノゾ</t>
    </rPh>
    <rPh sb="70" eb="71">
      <t>ミ</t>
    </rPh>
    <rPh sb="79" eb="81">
      <t>ハイリョ</t>
    </rPh>
    <phoneticPr fontId="4"/>
  </si>
  <si>
    <t>リスク一覧</t>
    <rPh sb="3" eb="5">
      <t>イチラン</t>
    </rPh>
    <phoneticPr fontId="1"/>
  </si>
  <si>
    <t>セクハラ・パワハラ・マタハラ</t>
    <phoneticPr fontId="1"/>
  </si>
  <si>
    <t>職員間等においてセクハラ・パワハラ・マタハラ（妊娠・出産等、育児・介護休業等に関するハラスメント）が発生する。</t>
    <rPh sb="0" eb="2">
      <t>ショクイン</t>
    </rPh>
    <rPh sb="2" eb="3">
      <t>カン</t>
    </rPh>
    <rPh sb="3" eb="4">
      <t>ナド</t>
    </rPh>
    <rPh sb="50" eb="52">
      <t>ハッセイ</t>
    </rPh>
    <phoneticPr fontId="1"/>
  </si>
  <si>
    <t>〇通勤手当支給職員に係る通勤方法の現況確認の実施
〇庶務事務ポータルにより全庁に周知徹底を図る。</t>
    <rPh sb="1" eb="3">
      <t>ツウキン</t>
    </rPh>
    <rPh sb="3" eb="5">
      <t>テアテ</t>
    </rPh>
    <rPh sb="5" eb="7">
      <t>シキュウ</t>
    </rPh>
    <rPh sb="7" eb="9">
      <t>ショクイン</t>
    </rPh>
    <rPh sb="10" eb="11">
      <t>カカ</t>
    </rPh>
    <rPh sb="12" eb="14">
      <t>ツウキン</t>
    </rPh>
    <rPh sb="14" eb="16">
      <t>ホウホウ</t>
    </rPh>
    <rPh sb="17" eb="19">
      <t>ゲンキョウ</t>
    </rPh>
    <rPh sb="19" eb="21">
      <t>カクニン</t>
    </rPh>
    <rPh sb="22" eb="24">
      <t>ジッ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2"/>
      <color theme="1"/>
      <name val="ＭＳ 明朝"/>
      <family val="2"/>
      <charset val="128"/>
    </font>
    <font>
      <sz val="6"/>
      <name val="ＭＳ 明朝"/>
      <family val="2"/>
      <charset val="128"/>
    </font>
    <font>
      <sz val="8"/>
      <color theme="1"/>
      <name val="ＭＳ ゴシック"/>
      <family val="3"/>
      <charset val="128"/>
    </font>
    <font>
      <sz val="16"/>
      <color theme="1"/>
      <name val="ＭＳ ゴシック"/>
      <family val="3"/>
      <charset val="128"/>
    </font>
    <font>
      <sz val="12"/>
      <color theme="1"/>
      <name val="ＭＳ ゴシック"/>
      <family val="3"/>
      <charset val="128"/>
    </font>
    <font>
      <sz val="14"/>
      <color theme="1"/>
      <name val="ＭＳ ゴシック"/>
      <family val="3"/>
      <charset val="128"/>
    </font>
    <font>
      <strike/>
      <sz val="12"/>
      <color rgb="FFFF0000"/>
      <name val="ＭＳ 明朝"/>
      <family val="1"/>
      <charset val="128"/>
    </font>
    <font>
      <sz val="11"/>
      <color theme="1"/>
      <name val="ＭＳ ゴシック"/>
      <family val="3"/>
      <charset val="128"/>
    </font>
    <font>
      <b/>
      <sz val="11"/>
      <color theme="1"/>
      <name val="ＭＳ ゴシック"/>
      <family val="3"/>
      <charset val="128"/>
    </font>
    <font>
      <sz val="11"/>
      <name val="ＭＳ 明朝"/>
      <family val="1"/>
      <charset val="128"/>
    </font>
    <font>
      <sz val="10"/>
      <name val="ＭＳ 明朝"/>
      <family val="1"/>
      <charset val="128"/>
    </font>
    <font>
      <b/>
      <sz val="9"/>
      <color indexed="81"/>
      <name val="ＭＳ Ｐゴシック"/>
      <family val="3"/>
      <charset val="128"/>
    </font>
    <font>
      <sz val="11"/>
      <color theme="1"/>
      <name val="ＭＳ Ｐゴシック"/>
      <family val="2"/>
      <scheme val="minor"/>
    </font>
    <font>
      <sz val="11"/>
      <color theme="1"/>
      <name val="ＭＳ 明朝"/>
      <family val="1"/>
      <charset val="128"/>
    </font>
    <font>
      <sz val="14"/>
      <color theme="1"/>
      <name val="ＭＳ 明朝"/>
      <family val="1"/>
      <charset val="128"/>
    </font>
    <font>
      <sz val="12"/>
      <color theme="1"/>
      <name val="ＭＳ 明朝"/>
      <family val="1"/>
      <charset val="128"/>
    </font>
    <font>
      <sz val="10"/>
      <color theme="1"/>
      <name val="ＭＳ 明朝"/>
      <family val="1"/>
      <charset val="128"/>
    </font>
  </fonts>
  <fills count="5">
    <fill>
      <patternFill patternType="none"/>
    </fill>
    <fill>
      <patternFill patternType="gray125"/>
    </fill>
    <fill>
      <patternFill patternType="solid">
        <fgColor theme="7" tint="0.79998168889431442"/>
        <bgColor indexed="64"/>
      </patternFill>
    </fill>
    <fill>
      <patternFill patternType="solid">
        <fgColor rgb="FFFFFF00"/>
        <bgColor indexed="64"/>
      </patternFill>
    </fill>
    <fill>
      <patternFill patternType="solid">
        <fgColor theme="0" tint="-0.249977111117893"/>
        <bgColor indexed="64"/>
      </patternFill>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bottom/>
      <diagonal/>
    </border>
    <border>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s>
  <cellStyleXfs count="2">
    <xf numFmtId="0" fontId="0" fillId="0" borderId="0">
      <alignment vertical="center"/>
    </xf>
    <xf numFmtId="0" fontId="12" fillId="0" borderId="0"/>
  </cellStyleXfs>
  <cellXfs count="76">
    <xf numFmtId="0" fontId="0" fillId="0" borderId="0" xfId="0">
      <alignment vertical="center"/>
    </xf>
    <xf numFmtId="0" fontId="2" fillId="0" borderId="0" xfId="0" applyFont="1" applyAlignment="1">
      <alignment vertical="center" wrapText="1"/>
    </xf>
    <xf numFmtId="0" fontId="2" fillId="0" borderId="0" xfId="0" applyFont="1" applyAlignment="1">
      <alignment vertical="center"/>
    </xf>
    <xf numFmtId="0" fontId="2" fillId="0" borderId="0" xfId="0" applyFont="1" applyAlignment="1">
      <alignment horizontal="center" vertical="center" wrapText="1"/>
    </xf>
    <xf numFmtId="0" fontId="4" fillId="0" borderId="0" xfId="0" applyFont="1" applyAlignment="1">
      <alignment vertical="center" wrapText="1"/>
    </xf>
    <xf numFmtId="0" fontId="9" fillId="0" borderId="1" xfId="0" applyFont="1" applyFill="1" applyBorder="1" applyAlignment="1">
      <alignment horizontal="center" vertical="center" wrapText="1"/>
    </xf>
    <xf numFmtId="0" fontId="9" fillId="0" borderId="1" xfId="0" applyFont="1" applyFill="1" applyBorder="1" applyAlignment="1">
      <alignment vertical="center" wrapText="1"/>
    </xf>
    <xf numFmtId="0" fontId="9" fillId="0" borderId="7" xfId="0" applyFont="1" applyFill="1" applyBorder="1" applyAlignment="1">
      <alignment horizontal="center" vertical="center" wrapText="1"/>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9" fillId="0" borderId="2" xfId="0" applyFont="1" applyFill="1" applyBorder="1" applyAlignment="1">
      <alignment horizontal="center" vertical="center" wrapText="1"/>
    </xf>
    <xf numFmtId="0" fontId="9" fillId="0" borderId="2" xfId="0" applyFont="1" applyFill="1" applyBorder="1" applyAlignment="1">
      <alignment vertical="center" wrapText="1"/>
    </xf>
    <xf numFmtId="0" fontId="9" fillId="0" borderId="6" xfId="0" applyFont="1" applyFill="1" applyBorder="1" applyAlignment="1">
      <alignment horizontal="center" vertical="center" wrapText="1"/>
    </xf>
    <xf numFmtId="0" fontId="9" fillId="0" borderId="11" xfId="0" applyFont="1" applyBorder="1" applyAlignment="1">
      <alignment horizontal="center" vertical="center" wrapText="1"/>
    </xf>
    <xf numFmtId="0" fontId="9" fillId="0" borderId="6" xfId="0" applyFont="1" applyBorder="1" applyAlignment="1">
      <alignment horizontal="center" vertical="center" wrapText="1"/>
    </xf>
    <xf numFmtId="0" fontId="9" fillId="0" borderId="11" xfId="0" applyFont="1" applyFill="1" applyBorder="1" applyAlignment="1">
      <alignment horizontal="center" vertical="center" wrapText="1"/>
    </xf>
    <xf numFmtId="0" fontId="4" fillId="0" borderId="0" xfId="0" applyFont="1" applyAlignment="1">
      <alignment vertical="center" wrapText="1"/>
    </xf>
    <xf numFmtId="0" fontId="7" fillId="2" borderId="12" xfId="0" applyFont="1" applyFill="1" applyBorder="1" applyAlignment="1">
      <alignment horizontal="center" vertical="center" wrapText="1"/>
    </xf>
    <xf numFmtId="0" fontId="9" fillId="2" borderId="13" xfId="0" applyFont="1" applyFill="1" applyBorder="1" applyAlignment="1">
      <alignment vertical="center" wrapText="1"/>
    </xf>
    <xf numFmtId="0" fontId="9" fillId="2" borderId="12" xfId="0" applyFont="1" applyFill="1" applyBorder="1" applyAlignment="1">
      <alignment vertical="center" wrapText="1"/>
    </xf>
    <xf numFmtId="0" fontId="9" fillId="2" borderId="14" xfId="0" applyFont="1" applyFill="1" applyBorder="1" applyAlignment="1">
      <alignment vertical="center" wrapText="1"/>
    </xf>
    <xf numFmtId="0" fontId="9" fillId="0" borderId="1" xfId="0" applyFont="1" applyFill="1" applyBorder="1" applyAlignment="1">
      <alignment vertical="top" wrapText="1"/>
    </xf>
    <xf numFmtId="0" fontId="10" fillId="0" borderId="1" xfId="0" applyFont="1" applyFill="1" applyBorder="1" applyAlignment="1">
      <alignment horizontal="left" vertical="top" wrapText="1"/>
    </xf>
    <xf numFmtId="0" fontId="9" fillId="0" borderId="4" xfId="0" applyFont="1" applyFill="1" applyBorder="1" applyAlignment="1">
      <alignment vertical="top" wrapText="1"/>
    </xf>
    <xf numFmtId="0" fontId="9" fillId="0" borderId="2" xfId="0" applyFont="1" applyFill="1" applyBorder="1" applyAlignment="1">
      <alignment vertical="top" wrapText="1"/>
    </xf>
    <xf numFmtId="0" fontId="9" fillId="0" borderId="2" xfId="0" applyFont="1" applyBorder="1" applyAlignment="1">
      <alignment vertical="top" wrapText="1"/>
    </xf>
    <xf numFmtId="0" fontId="10" fillId="0" borderId="2" xfId="0" applyFont="1" applyFill="1" applyBorder="1" applyAlignment="1">
      <alignment vertical="top" wrapText="1"/>
    </xf>
    <xf numFmtId="0" fontId="10" fillId="0" borderId="1" xfId="0" applyFont="1" applyFill="1" applyBorder="1" applyAlignment="1">
      <alignment vertical="top" wrapText="1"/>
    </xf>
    <xf numFmtId="0" fontId="9" fillId="0" borderId="1" xfId="0" applyFont="1" applyFill="1" applyBorder="1" applyAlignment="1">
      <alignment horizontal="justify" vertical="top"/>
    </xf>
    <xf numFmtId="0" fontId="9" fillId="0" borderId="1" xfId="0" applyFont="1" applyBorder="1" applyAlignment="1">
      <alignment vertical="top" wrapText="1"/>
    </xf>
    <xf numFmtId="0" fontId="13" fillId="0" borderId="4" xfId="0" applyFont="1" applyFill="1" applyBorder="1" applyAlignment="1">
      <alignment horizontal="left" vertical="top" wrapText="1"/>
    </xf>
    <xf numFmtId="0" fontId="13" fillId="0" borderId="1" xfId="0" applyFont="1" applyFill="1" applyBorder="1" applyAlignment="1">
      <alignment vertical="top" wrapText="1"/>
    </xf>
    <xf numFmtId="0" fontId="13" fillId="0" borderId="4" xfId="0" applyFont="1" applyBorder="1" applyAlignment="1">
      <alignment vertical="top" wrapText="1"/>
    </xf>
    <xf numFmtId="0" fontId="7" fillId="0" borderId="6" xfId="0" applyFont="1" applyFill="1" applyBorder="1" applyAlignment="1">
      <alignment horizontal="centerContinuous" vertical="center" wrapText="1"/>
    </xf>
    <xf numFmtId="0" fontId="7" fillId="0" borderId="1" xfId="0" applyFont="1" applyFill="1" applyBorder="1" applyAlignment="1">
      <alignment horizontal="centerContinuous" vertical="center" wrapText="1"/>
    </xf>
    <xf numFmtId="0" fontId="7" fillId="0" borderId="15" xfId="0" applyFont="1" applyFill="1" applyBorder="1" applyAlignment="1">
      <alignment horizontal="centerContinuous" vertical="center" wrapText="1"/>
    </xf>
    <xf numFmtId="49" fontId="4" fillId="0" borderId="16" xfId="0" applyNumberFormat="1" applyFont="1" applyFill="1" applyBorder="1" applyAlignment="1">
      <alignment vertical="center" wrapText="1"/>
    </xf>
    <xf numFmtId="0" fontId="5" fillId="0" borderId="16" xfId="0" applyFont="1" applyFill="1" applyBorder="1" applyAlignment="1">
      <alignment horizontal="center" vertical="center" wrapText="1"/>
    </xf>
    <xf numFmtId="0" fontId="5" fillId="0" borderId="16" xfId="0" applyFont="1" applyFill="1" applyBorder="1" applyAlignment="1">
      <alignment vertical="center" wrapText="1"/>
    </xf>
    <xf numFmtId="0" fontId="8" fillId="0" borderId="16" xfId="0" applyFont="1" applyFill="1" applyBorder="1" applyAlignment="1">
      <alignment vertical="center" wrapText="1"/>
    </xf>
    <xf numFmtId="0" fontId="4" fillId="0" borderId="16" xfId="0" applyFont="1" applyFill="1" applyBorder="1" applyAlignment="1">
      <alignment vertical="center" wrapText="1"/>
    </xf>
    <xf numFmtId="0" fontId="2" fillId="0" borderId="0" xfId="0" applyFont="1" applyBorder="1" applyAlignment="1">
      <alignment vertical="center"/>
    </xf>
    <xf numFmtId="0" fontId="3" fillId="0" borderId="0" xfId="0" applyFont="1" applyBorder="1" applyAlignment="1">
      <alignment horizontal="centerContinuous" vertical="center"/>
    </xf>
    <xf numFmtId="0" fontId="14" fillId="0" borderId="0" xfId="0" applyFont="1" applyBorder="1" applyAlignment="1">
      <alignment horizontal="right" vertical="center"/>
    </xf>
    <xf numFmtId="49" fontId="4" fillId="3" borderId="19" xfId="0" applyNumberFormat="1" applyFont="1" applyFill="1" applyBorder="1" applyAlignment="1">
      <alignment vertical="center" wrapText="1"/>
    </xf>
    <xf numFmtId="0" fontId="5" fillId="3" borderId="17" xfId="0" applyFont="1" applyFill="1" applyBorder="1" applyAlignment="1">
      <alignment horizontal="center" vertical="center" wrapText="1"/>
    </xf>
    <xf numFmtId="0" fontId="5" fillId="3" borderId="19" xfId="0" applyFont="1" applyFill="1" applyBorder="1" applyAlignment="1">
      <alignment vertical="center" wrapText="1"/>
    </xf>
    <xf numFmtId="0" fontId="8" fillId="3" borderId="17" xfId="0" applyFont="1" applyFill="1" applyBorder="1" applyAlignment="1">
      <alignment vertical="center" wrapText="1"/>
    </xf>
    <xf numFmtId="0" fontId="4" fillId="3" borderId="19" xfId="0" applyFont="1" applyFill="1" applyBorder="1" applyAlignment="1">
      <alignment vertical="center" wrapText="1"/>
    </xf>
    <xf numFmtId="0" fontId="5" fillId="3" borderId="17" xfId="0" applyFont="1" applyFill="1" applyBorder="1" applyAlignment="1">
      <alignment vertical="center" wrapText="1"/>
    </xf>
    <xf numFmtId="0" fontId="4" fillId="0" borderId="0" xfId="0" applyFont="1" applyFill="1" applyBorder="1" applyAlignment="1">
      <alignment vertical="center" wrapText="1"/>
    </xf>
    <xf numFmtId="0" fontId="7" fillId="2" borderId="20" xfId="0" applyFont="1" applyFill="1" applyBorder="1" applyAlignment="1">
      <alignment vertical="center" wrapText="1"/>
    </xf>
    <xf numFmtId="49" fontId="15" fillId="0" borderId="0" xfId="0" applyNumberFormat="1" applyFont="1" applyFill="1" applyBorder="1" applyAlignment="1"/>
    <xf numFmtId="49" fontId="15" fillId="0" borderId="16" xfId="0" applyNumberFormat="1" applyFont="1" applyFill="1" applyBorder="1" applyAlignment="1"/>
    <xf numFmtId="0" fontId="15" fillId="0" borderId="0" xfId="0" applyFont="1" applyAlignment="1"/>
    <xf numFmtId="49" fontId="15" fillId="0" borderId="0" xfId="0" applyNumberFormat="1" applyFont="1" applyFill="1" applyBorder="1" applyAlignment="1">
      <alignment wrapText="1"/>
    </xf>
    <xf numFmtId="49" fontId="15" fillId="0" borderId="16" xfId="0" applyNumberFormat="1" applyFont="1" applyFill="1" applyBorder="1" applyAlignment="1">
      <alignment wrapText="1"/>
    </xf>
    <xf numFmtId="0" fontId="15" fillId="0" borderId="0" xfId="0" applyFont="1" applyAlignment="1">
      <alignment wrapText="1"/>
    </xf>
    <xf numFmtId="49" fontId="15" fillId="4" borderId="1" xfId="0" applyNumberFormat="1" applyFont="1" applyFill="1" applyBorder="1" applyAlignment="1">
      <alignment vertical="center"/>
    </xf>
    <xf numFmtId="49" fontId="15" fillId="4" borderId="1" xfId="0" applyNumberFormat="1" applyFont="1" applyFill="1" applyBorder="1" applyAlignment="1">
      <alignment vertical="center" wrapText="1"/>
    </xf>
    <xf numFmtId="0" fontId="16" fillId="0" borderId="1" xfId="0" applyFont="1" applyFill="1" applyBorder="1" applyAlignment="1">
      <alignment vertical="top" wrapText="1"/>
    </xf>
    <xf numFmtId="0" fontId="13" fillId="0" borderId="2" xfId="0" applyFont="1" applyFill="1" applyBorder="1" applyAlignment="1">
      <alignment vertical="top" wrapText="1"/>
    </xf>
    <xf numFmtId="0" fontId="16" fillId="0" borderId="4" xfId="0" applyFont="1" applyFill="1" applyBorder="1" applyAlignment="1">
      <alignment vertical="top" wrapText="1"/>
    </xf>
    <xf numFmtId="0" fontId="8" fillId="0" borderId="4" xfId="0" applyFont="1" applyFill="1" applyBorder="1" applyAlignment="1">
      <alignment horizontal="center" vertical="center" wrapText="1"/>
    </xf>
    <xf numFmtId="0" fontId="7" fillId="0" borderId="7" xfId="0" applyFont="1" applyFill="1" applyBorder="1" applyAlignment="1">
      <alignment horizontal="center" vertical="center" wrapText="1"/>
    </xf>
    <xf numFmtId="0" fontId="7" fillId="0" borderId="6" xfId="0" applyFont="1" applyFill="1" applyBorder="1" applyAlignment="1">
      <alignment horizontal="center" vertical="center" wrapText="1"/>
    </xf>
    <xf numFmtId="0" fontId="7" fillId="0" borderId="10" xfId="0" applyFont="1" applyFill="1" applyBorder="1" applyAlignment="1">
      <alignment horizontal="center" vertical="center" wrapText="1"/>
    </xf>
    <xf numFmtId="0" fontId="7" fillId="0" borderId="1" xfId="0" applyFont="1" applyFill="1" applyBorder="1" applyAlignment="1">
      <alignment horizontal="center" vertical="center" wrapText="1"/>
    </xf>
    <xf numFmtId="0" fontId="7" fillId="0" borderId="3" xfId="0" applyFont="1" applyFill="1" applyBorder="1" applyAlignment="1">
      <alignment horizontal="center" vertical="center" wrapText="1"/>
    </xf>
    <xf numFmtId="0" fontId="7" fillId="0" borderId="8" xfId="0" applyFont="1" applyFill="1" applyBorder="1" applyAlignment="1">
      <alignment horizontal="center" vertical="center" wrapText="1"/>
    </xf>
    <xf numFmtId="0" fontId="5" fillId="3" borderId="17" xfId="0" applyFont="1" applyFill="1" applyBorder="1" applyAlignment="1">
      <alignment horizontal="center" vertical="center" wrapText="1"/>
    </xf>
    <xf numFmtId="0" fontId="5" fillId="3" borderId="18" xfId="0" applyFont="1" applyFill="1" applyBorder="1" applyAlignment="1">
      <alignment horizontal="center" vertical="center" wrapText="1"/>
    </xf>
    <xf numFmtId="0" fontId="7" fillId="0" borderId="5" xfId="0" applyFont="1" applyFill="1" applyBorder="1" applyAlignment="1">
      <alignment horizontal="center" vertical="center" wrapText="1"/>
    </xf>
    <xf numFmtId="0" fontId="7" fillId="0" borderId="9"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4" fillId="0" borderId="2" xfId="0" applyFont="1" applyFill="1" applyBorder="1" applyAlignment="1">
      <alignment horizontal="center" vertical="center" wrapText="1"/>
    </xf>
  </cellXfs>
  <cellStyles count="2">
    <cellStyle name="標準" xfId="0" builtinId="0"/>
    <cellStyle name="標準 2" xfId="1" xr:uid="{00000000-0005-0000-0000-000001000000}"/>
  </cellStyles>
  <dxfs count="0"/>
  <tableStyles count="0" defaultTableStyle="TableStyleMedium2" defaultPivotStyle="PivotStyleLight16"/>
  <colors>
    <mruColors>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P49"/>
  <sheetViews>
    <sheetView showGridLines="0" tabSelected="1" zoomScaleNormal="100" zoomScaleSheetLayoutView="100" zoomScalePageLayoutView="70" workbookViewId="0">
      <pane ySplit="6" topLeftCell="A7" activePane="bottomLeft" state="frozen"/>
      <selection pane="bottomLeft"/>
    </sheetView>
  </sheetViews>
  <sheetFormatPr defaultColWidth="9" defaultRowHeight="9.6" x14ac:dyDescent="0.2"/>
  <cols>
    <col min="1" max="1" width="6.09765625" style="1" customWidth="1"/>
    <col min="2" max="2" width="7.59765625" style="1" customWidth="1"/>
    <col min="3" max="3" width="11.09765625" style="1" customWidth="1"/>
    <col min="4" max="4" width="18.796875" style="1" customWidth="1"/>
    <col min="5" max="5" width="30.796875" style="1" customWidth="1"/>
    <col min="6" max="6" width="6.796875" style="1" customWidth="1"/>
    <col min="7" max="7" width="34.5" style="1" customWidth="1"/>
    <col min="8" max="8" width="26.69921875" style="1" customWidth="1"/>
    <col min="9" max="9" width="14.3984375" style="1" customWidth="1"/>
    <col min="10" max="10" width="13.796875" style="1" customWidth="1"/>
    <col min="11" max="11" width="23.796875" style="1" customWidth="1"/>
    <col min="12" max="16384" width="9" style="1"/>
  </cols>
  <sheetData>
    <row r="1" spans="1:16" s="2" customFormat="1" ht="20.100000000000001" customHeight="1" thickBot="1" x14ac:dyDescent="0.25">
      <c r="A1" s="42" t="s">
        <v>2191</v>
      </c>
      <c r="B1" s="42"/>
      <c r="C1" s="42"/>
      <c r="D1" s="42"/>
      <c r="E1" s="42"/>
      <c r="F1" s="42"/>
      <c r="G1" s="42"/>
      <c r="H1" s="42"/>
      <c r="I1" s="42"/>
      <c r="J1" s="42"/>
      <c r="K1" s="43" t="s">
        <v>656</v>
      </c>
      <c r="P1" s="8"/>
    </row>
    <row r="2" spans="1:16" s="2" customFormat="1" ht="27" thickBot="1" x14ac:dyDescent="0.25">
      <c r="A2" s="70" t="s">
        <v>105</v>
      </c>
      <c r="B2" s="71"/>
      <c r="C2" s="44"/>
      <c r="D2" s="45" t="s">
        <v>104</v>
      </c>
      <c r="E2" s="46"/>
      <c r="F2" s="47" t="s">
        <v>182</v>
      </c>
      <c r="G2" s="48"/>
      <c r="H2" s="49" t="s">
        <v>183</v>
      </c>
      <c r="I2" s="48"/>
      <c r="J2" s="47" t="s">
        <v>184</v>
      </c>
      <c r="K2" s="48"/>
      <c r="L2" s="41"/>
      <c r="P2" s="8"/>
    </row>
    <row r="3" spans="1:16" s="2" customFormat="1" ht="6.6" customHeight="1" thickBot="1" x14ac:dyDescent="0.25">
      <c r="A3" s="37"/>
      <c r="B3" s="37"/>
      <c r="C3" s="36"/>
      <c r="D3" s="37"/>
      <c r="E3" s="38"/>
      <c r="F3" s="39"/>
      <c r="G3" s="40"/>
      <c r="H3" s="38"/>
      <c r="I3" s="40"/>
      <c r="J3" s="39"/>
      <c r="K3" s="50"/>
      <c r="P3" s="8"/>
    </row>
    <row r="4" spans="1:16" ht="26.4" x14ac:dyDescent="0.2">
      <c r="A4" s="33" t="s">
        <v>100</v>
      </c>
      <c r="B4" s="34"/>
      <c r="C4" s="34"/>
      <c r="D4" s="34"/>
      <c r="E4" s="34"/>
      <c r="F4" s="34"/>
      <c r="G4" s="35" t="s">
        <v>101</v>
      </c>
      <c r="H4" s="35"/>
      <c r="I4" s="35"/>
      <c r="J4" s="35"/>
      <c r="K4" s="51" t="s">
        <v>102</v>
      </c>
      <c r="P4" s="9"/>
    </row>
    <row r="5" spans="1:16" ht="13.2" x14ac:dyDescent="0.2">
      <c r="A5" s="65" t="s">
        <v>10</v>
      </c>
      <c r="B5" s="67" t="s">
        <v>7</v>
      </c>
      <c r="C5" s="68" t="s">
        <v>180</v>
      </c>
      <c r="D5" s="72" t="s">
        <v>0</v>
      </c>
      <c r="E5" s="74" t="s">
        <v>138</v>
      </c>
      <c r="F5" s="68" t="s">
        <v>1</v>
      </c>
      <c r="G5" s="72" t="s">
        <v>98</v>
      </c>
      <c r="H5" s="72" t="s">
        <v>99</v>
      </c>
      <c r="I5" s="67" t="s">
        <v>5</v>
      </c>
      <c r="J5" s="63" t="s">
        <v>3</v>
      </c>
      <c r="K5" s="17" t="s">
        <v>103</v>
      </c>
      <c r="P5" s="8"/>
    </row>
    <row r="6" spans="1:16" s="3" customFormat="1" ht="13.2" x14ac:dyDescent="0.2">
      <c r="A6" s="66"/>
      <c r="B6" s="68"/>
      <c r="C6" s="69"/>
      <c r="D6" s="73"/>
      <c r="E6" s="75"/>
      <c r="F6" s="69"/>
      <c r="G6" s="73"/>
      <c r="H6" s="73"/>
      <c r="I6" s="68"/>
      <c r="J6" s="64"/>
      <c r="K6" s="17" t="s">
        <v>2</v>
      </c>
      <c r="P6" s="9"/>
    </row>
    <row r="7" spans="1:16" s="3" customFormat="1" ht="84" x14ac:dyDescent="0.2">
      <c r="A7" s="12">
        <v>1</v>
      </c>
      <c r="B7" s="5" t="s">
        <v>12</v>
      </c>
      <c r="C7" s="6" t="s">
        <v>4</v>
      </c>
      <c r="D7" s="21" t="s">
        <v>120</v>
      </c>
      <c r="E7" s="30" t="s">
        <v>139</v>
      </c>
      <c r="F7" s="21" t="s">
        <v>116</v>
      </c>
      <c r="G7" s="22" t="s">
        <v>117</v>
      </c>
      <c r="H7" s="22" t="s">
        <v>118</v>
      </c>
      <c r="I7" s="21" t="s">
        <v>119</v>
      </c>
      <c r="J7" s="23" t="s">
        <v>178</v>
      </c>
      <c r="K7" s="18" t="s">
        <v>97</v>
      </c>
      <c r="P7" s="9"/>
    </row>
    <row r="8" spans="1:16" ht="156" x14ac:dyDescent="0.2">
      <c r="A8" s="13">
        <v>2</v>
      </c>
      <c r="B8" s="10" t="s">
        <v>12</v>
      </c>
      <c r="C8" s="11" t="s">
        <v>4</v>
      </c>
      <c r="D8" s="24" t="s">
        <v>18</v>
      </c>
      <c r="E8" s="21" t="s">
        <v>140</v>
      </c>
      <c r="F8" s="25" t="s">
        <v>127</v>
      </c>
      <c r="G8" s="26" t="s">
        <v>51</v>
      </c>
      <c r="H8" s="26" t="s">
        <v>70</v>
      </c>
      <c r="I8" s="24" t="s">
        <v>81</v>
      </c>
      <c r="J8" s="23" t="s">
        <v>178</v>
      </c>
      <c r="K8" s="18" t="s">
        <v>97</v>
      </c>
    </row>
    <row r="9" spans="1:16" ht="84" x14ac:dyDescent="0.2">
      <c r="A9" s="12">
        <v>3</v>
      </c>
      <c r="B9" s="5" t="s">
        <v>12</v>
      </c>
      <c r="C9" s="6" t="s">
        <v>4</v>
      </c>
      <c r="D9" s="21" t="s">
        <v>107</v>
      </c>
      <c r="E9" s="21" t="s">
        <v>141</v>
      </c>
      <c r="F9" s="25" t="s">
        <v>127</v>
      </c>
      <c r="G9" s="27" t="s">
        <v>108</v>
      </c>
      <c r="H9" s="27" t="s">
        <v>71</v>
      </c>
      <c r="I9" s="21" t="s">
        <v>81</v>
      </c>
      <c r="J9" s="23" t="s">
        <v>178</v>
      </c>
      <c r="K9" s="18" t="s">
        <v>97</v>
      </c>
    </row>
    <row r="10" spans="1:16" ht="84" x14ac:dyDescent="0.2">
      <c r="A10" s="13">
        <v>4</v>
      </c>
      <c r="B10" s="5" t="s">
        <v>12</v>
      </c>
      <c r="C10" s="6" t="s">
        <v>4</v>
      </c>
      <c r="D10" s="21" t="s">
        <v>19</v>
      </c>
      <c r="E10" s="21" t="s">
        <v>142</v>
      </c>
      <c r="F10" s="25" t="s">
        <v>127</v>
      </c>
      <c r="G10" s="27" t="s">
        <v>52</v>
      </c>
      <c r="H10" s="27" t="s">
        <v>72</v>
      </c>
      <c r="I10" s="21" t="s">
        <v>81</v>
      </c>
      <c r="J10" s="23" t="s">
        <v>178</v>
      </c>
      <c r="K10" s="18" t="s">
        <v>97</v>
      </c>
    </row>
    <row r="11" spans="1:16" ht="84" x14ac:dyDescent="0.2">
      <c r="A11" s="12">
        <v>5</v>
      </c>
      <c r="B11" s="5" t="s">
        <v>12</v>
      </c>
      <c r="C11" s="6" t="s">
        <v>4</v>
      </c>
      <c r="D11" s="21" t="s">
        <v>20</v>
      </c>
      <c r="E11" s="21" t="s">
        <v>143</v>
      </c>
      <c r="F11" s="25" t="s">
        <v>127</v>
      </c>
      <c r="G11" s="27" t="s">
        <v>53</v>
      </c>
      <c r="H11" s="27" t="s">
        <v>73</v>
      </c>
      <c r="I11" s="21" t="s">
        <v>81</v>
      </c>
      <c r="J11" s="23" t="s">
        <v>178</v>
      </c>
      <c r="K11" s="18" t="s">
        <v>97</v>
      </c>
    </row>
    <row r="12" spans="1:16" ht="84" x14ac:dyDescent="0.2">
      <c r="A12" s="13">
        <v>6</v>
      </c>
      <c r="B12" s="5" t="s">
        <v>12</v>
      </c>
      <c r="C12" s="6" t="s">
        <v>4</v>
      </c>
      <c r="D12" s="21" t="s">
        <v>21</v>
      </c>
      <c r="E12" s="21" t="s">
        <v>144</v>
      </c>
      <c r="F12" s="25" t="s">
        <v>127</v>
      </c>
      <c r="G12" s="27" t="s">
        <v>54</v>
      </c>
      <c r="H12" s="27" t="s">
        <v>73</v>
      </c>
      <c r="I12" s="21" t="s">
        <v>81</v>
      </c>
      <c r="J12" s="23" t="s">
        <v>178</v>
      </c>
      <c r="K12" s="18" t="s">
        <v>97</v>
      </c>
    </row>
    <row r="13" spans="1:16" ht="84" x14ac:dyDescent="0.2">
      <c r="A13" s="12">
        <v>7</v>
      </c>
      <c r="B13" s="5" t="s">
        <v>12</v>
      </c>
      <c r="C13" s="6" t="s">
        <v>13</v>
      </c>
      <c r="D13" s="21" t="s">
        <v>22</v>
      </c>
      <c r="E13" s="21" t="s">
        <v>145</v>
      </c>
      <c r="F13" s="25" t="s">
        <v>127</v>
      </c>
      <c r="G13" s="27" t="s">
        <v>55</v>
      </c>
      <c r="H13" s="27" t="s">
        <v>70</v>
      </c>
      <c r="I13" s="21" t="s">
        <v>81</v>
      </c>
      <c r="J13" s="23" t="s">
        <v>179</v>
      </c>
      <c r="K13" s="18" t="s">
        <v>97</v>
      </c>
    </row>
    <row r="14" spans="1:16" ht="84" x14ac:dyDescent="0.2">
      <c r="A14" s="13">
        <v>8</v>
      </c>
      <c r="B14" s="5" t="s">
        <v>12</v>
      </c>
      <c r="C14" s="6" t="s">
        <v>13</v>
      </c>
      <c r="D14" s="21" t="s">
        <v>23</v>
      </c>
      <c r="E14" s="23" t="s">
        <v>146</v>
      </c>
      <c r="F14" s="25" t="s">
        <v>127</v>
      </c>
      <c r="G14" s="27" t="s">
        <v>56</v>
      </c>
      <c r="H14" s="27" t="s">
        <v>73</v>
      </c>
      <c r="I14" s="21" t="s">
        <v>81</v>
      </c>
      <c r="J14" s="23" t="s">
        <v>179</v>
      </c>
      <c r="K14" s="18" t="s">
        <v>97</v>
      </c>
    </row>
    <row r="15" spans="1:16" ht="84" x14ac:dyDescent="0.2">
      <c r="A15" s="12">
        <v>9</v>
      </c>
      <c r="B15" s="5" t="s">
        <v>12</v>
      </c>
      <c r="C15" s="6" t="s">
        <v>14</v>
      </c>
      <c r="D15" s="21" t="s">
        <v>24</v>
      </c>
      <c r="E15" s="21" t="s">
        <v>147</v>
      </c>
      <c r="F15" s="25" t="s">
        <v>127</v>
      </c>
      <c r="G15" s="27" t="s">
        <v>106</v>
      </c>
      <c r="H15" s="27" t="s">
        <v>73</v>
      </c>
      <c r="I15" s="21" t="s">
        <v>82</v>
      </c>
      <c r="J15" s="23" t="s">
        <v>179</v>
      </c>
      <c r="K15" s="18" t="s">
        <v>97</v>
      </c>
    </row>
    <row r="16" spans="1:16" ht="105.6" x14ac:dyDescent="0.2">
      <c r="A16" s="13">
        <v>10</v>
      </c>
      <c r="B16" s="5" t="s">
        <v>12</v>
      </c>
      <c r="C16" s="6" t="s">
        <v>124</v>
      </c>
      <c r="D16" s="21" t="s">
        <v>25</v>
      </c>
      <c r="E16" s="21" t="s">
        <v>148</v>
      </c>
      <c r="F16" s="25" t="s">
        <v>127</v>
      </c>
      <c r="G16" s="27" t="s">
        <v>57</v>
      </c>
      <c r="H16" s="27" t="s">
        <v>73</v>
      </c>
      <c r="I16" s="21" t="s">
        <v>81</v>
      </c>
      <c r="J16" s="23" t="s">
        <v>179</v>
      </c>
      <c r="K16" s="18" t="s">
        <v>97</v>
      </c>
    </row>
    <row r="17" spans="1:11" ht="72" x14ac:dyDescent="0.2">
      <c r="A17" s="12">
        <v>11</v>
      </c>
      <c r="B17" s="5" t="s">
        <v>12</v>
      </c>
      <c r="C17" s="6" t="s">
        <v>15</v>
      </c>
      <c r="D17" s="21" t="s">
        <v>26</v>
      </c>
      <c r="E17" s="31" t="s">
        <v>149</v>
      </c>
      <c r="F17" s="25" t="s">
        <v>127</v>
      </c>
      <c r="G17" s="27" t="s">
        <v>58</v>
      </c>
      <c r="H17" s="27" t="s">
        <v>74</v>
      </c>
      <c r="I17" s="21" t="s">
        <v>83</v>
      </c>
      <c r="J17" s="23" t="s">
        <v>94</v>
      </c>
      <c r="K17" s="18" t="s">
        <v>97</v>
      </c>
    </row>
    <row r="18" spans="1:11" ht="39.6" x14ac:dyDescent="0.2">
      <c r="A18" s="13">
        <v>12</v>
      </c>
      <c r="B18" s="5" t="s">
        <v>12</v>
      </c>
      <c r="C18" s="6" t="s">
        <v>16</v>
      </c>
      <c r="D18" s="21" t="s">
        <v>27</v>
      </c>
      <c r="E18" s="31" t="s">
        <v>150</v>
      </c>
      <c r="F18" s="25" t="s">
        <v>127</v>
      </c>
      <c r="G18" s="27" t="s">
        <v>59</v>
      </c>
      <c r="H18" s="27" t="s">
        <v>74</v>
      </c>
      <c r="I18" s="21" t="s">
        <v>83</v>
      </c>
      <c r="J18" s="23" t="s">
        <v>94</v>
      </c>
      <c r="K18" s="18" t="s">
        <v>97</v>
      </c>
    </row>
    <row r="19" spans="1:11" ht="36" x14ac:dyDescent="0.2">
      <c r="A19" s="12">
        <v>13</v>
      </c>
      <c r="B19" s="5" t="s">
        <v>12</v>
      </c>
      <c r="C19" s="6" t="s">
        <v>17</v>
      </c>
      <c r="D19" s="21" t="s">
        <v>28</v>
      </c>
      <c r="E19" s="31" t="s">
        <v>151</v>
      </c>
      <c r="F19" s="25" t="s">
        <v>127</v>
      </c>
      <c r="G19" s="27" t="s">
        <v>59</v>
      </c>
      <c r="H19" s="27" t="s">
        <v>74</v>
      </c>
      <c r="I19" s="21" t="s">
        <v>83</v>
      </c>
      <c r="J19" s="23" t="s">
        <v>94</v>
      </c>
      <c r="K19" s="18" t="s">
        <v>97</v>
      </c>
    </row>
    <row r="20" spans="1:11" ht="72" x14ac:dyDescent="0.2">
      <c r="A20" s="13">
        <v>14</v>
      </c>
      <c r="B20" s="5" t="s">
        <v>12</v>
      </c>
      <c r="C20" s="6" t="s">
        <v>17</v>
      </c>
      <c r="D20" s="21" t="s">
        <v>29</v>
      </c>
      <c r="E20" s="31" t="s">
        <v>152</v>
      </c>
      <c r="F20" s="25" t="s">
        <v>127</v>
      </c>
      <c r="G20" s="27" t="s">
        <v>60</v>
      </c>
      <c r="H20" s="27" t="s">
        <v>74</v>
      </c>
      <c r="I20" s="21" t="s">
        <v>83</v>
      </c>
      <c r="J20" s="23" t="s">
        <v>94</v>
      </c>
      <c r="K20" s="18" t="s">
        <v>97</v>
      </c>
    </row>
    <row r="21" spans="1:11" ht="89.4" customHeight="1" x14ac:dyDescent="0.2">
      <c r="A21" s="12">
        <v>15</v>
      </c>
      <c r="B21" s="5" t="s">
        <v>12</v>
      </c>
      <c r="C21" s="6" t="s">
        <v>17</v>
      </c>
      <c r="D21" s="21" t="s">
        <v>30</v>
      </c>
      <c r="E21" s="21" t="s">
        <v>153</v>
      </c>
      <c r="F21" s="25" t="s">
        <v>127</v>
      </c>
      <c r="G21" s="27" t="s">
        <v>125</v>
      </c>
      <c r="H21" s="27" t="s">
        <v>74</v>
      </c>
      <c r="I21" s="21" t="s">
        <v>83</v>
      </c>
      <c r="J21" s="23" t="s">
        <v>94</v>
      </c>
      <c r="K21" s="18" t="s">
        <v>97</v>
      </c>
    </row>
    <row r="22" spans="1:11" ht="72" x14ac:dyDescent="0.2">
      <c r="A22" s="13">
        <v>16</v>
      </c>
      <c r="B22" s="5" t="s">
        <v>12</v>
      </c>
      <c r="C22" s="6" t="s">
        <v>15</v>
      </c>
      <c r="D22" s="21" t="s">
        <v>31</v>
      </c>
      <c r="E22" s="31" t="s">
        <v>154</v>
      </c>
      <c r="F22" s="25" t="s">
        <v>127</v>
      </c>
      <c r="G22" s="27" t="s">
        <v>61</v>
      </c>
      <c r="H22" s="27" t="s">
        <v>75</v>
      </c>
      <c r="I22" s="21" t="s">
        <v>84</v>
      </c>
      <c r="J22" s="23" t="s">
        <v>131</v>
      </c>
      <c r="K22" s="18" t="s">
        <v>97</v>
      </c>
    </row>
    <row r="23" spans="1:11" ht="75" customHeight="1" x14ac:dyDescent="0.2">
      <c r="A23" s="12">
        <v>17</v>
      </c>
      <c r="B23" s="5" t="s">
        <v>12</v>
      </c>
      <c r="C23" s="6" t="s">
        <v>15</v>
      </c>
      <c r="D23" s="21" t="s">
        <v>32</v>
      </c>
      <c r="E23" s="31" t="s">
        <v>155</v>
      </c>
      <c r="F23" s="25" t="s">
        <v>127</v>
      </c>
      <c r="G23" s="27" t="s">
        <v>61</v>
      </c>
      <c r="H23" s="27" t="s">
        <v>76</v>
      </c>
      <c r="I23" s="21" t="s">
        <v>85</v>
      </c>
      <c r="J23" s="23" t="s">
        <v>131</v>
      </c>
      <c r="K23" s="18" t="s">
        <v>97</v>
      </c>
    </row>
    <row r="24" spans="1:11" ht="60" x14ac:dyDescent="0.2">
      <c r="A24" s="14">
        <v>18</v>
      </c>
      <c r="B24" s="5" t="s">
        <v>12</v>
      </c>
      <c r="C24" s="6" t="s">
        <v>15</v>
      </c>
      <c r="D24" s="21" t="s">
        <v>33</v>
      </c>
      <c r="E24" s="31" t="s">
        <v>156</v>
      </c>
      <c r="F24" s="25" t="s">
        <v>127</v>
      </c>
      <c r="G24" s="27" t="s">
        <v>62</v>
      </c>
      <c r="H24" s="27" t="s">
        <v>77</v>
      </c>
      <c r="I24" s="21" t="s">
        <v>86</v>
      </c>
      <c r="J24" s="23" t="s">
        <v>131</v>
      </c>
      <c r="K24" s="19" t="s">
        <v>97</v>
      </c>
    </row>
    <row r="25" spans="1:11" ht="96" x14ac:dyDescent="0.2">
      <c r="A25" s="12">
        <v>19</v>
      </c>
      <c r="B25" s="5" t="s">
        <v>12</v>
      </c>
      <c r="C25" s="6" t="s">
        <v>17</v>
      </c>
      <c r="D25" s="28" t="s">
        <v>34</v>
      </c>
      <c r="E25" s="31" t="s">
        <v>157</v>
      </c>
      <c r="F25" s="25" t="s">
        <v>127</v>
      </c>
      <c r="G25" s="27" t="s">
        <v>63</v>
      </c>
      <c r="H25" s="27" t="s">
        <v>78</v>
      </c>
      <c r="I25" s="21" t="s">
        <v>87</v>
      </c>
      <c r="J25" s="23" t="s">
        <v>94</v>
      </c>
      <c r="K25" s="19" t="s">
        <v>97</v>
      </c>
    </row>
    <row r="26" spans="1:11" ht="168" x14ac:dyDescent="0.2">
      <c r="A26" s="13">
        <v>20</v>
      </c>
      <c r="B26" s="5" t="s">
        <v>8</v>
      </c>
      <c r="C26" s="6" t="s">
        <v>4</v>
      </c>
      <c r="D26" s="21" t="s">
        <v>35</v>
      </c>
      <c r="E26" s="31" t="s">
        <v>158</v>
      </c>
      <c r="F26" s="29" t="s">
        <v>127</v>
      </c>
      <c r="G26" s="60" t="s">
        <v>2162</v>
      </c>
      <c r="H26" s="60" t="s">
        <v>2163</v>
      </c>
      <c r="I26" s="31" t="s">
        <v>2164</v>
      </c>
      <c r="J26" s="23" t="s">
        <v>121</v>
      </c>
      <c r="K26" s="18" t="s">
        <v>97</v>
      </c>
    </row>
    <row r="27" spans="1:11" ht="79.2" x14ac:dyDescent="0.2">
      <c r="A27" s="12">
        <v>21</v>
      </c>
      <c r="B27" s="5" t="s">
        <v>8</v>
      </c>
      <c r="C27" s="6" t="s">
        <v>4</v>
      </c>
      <c r="D27" s="21" t="s">
        <v>36</v>
      </c>
      <c r="E27" s="31" t="s">
        <v>159</v>
      </c>
      <c r="F27" s="29" t="s">
        <v>127</v>
      </c>
      <c r="G27" s="60" t="s">
        <v>2165</v>
      </c>
      <c r="H27" s="60" t="s">
        <v>2166</v>
      </c>
      <c r="I27" s="31" t="s">
        <v>88</v>
      </c>
      <c r="J27" s="23" t="s">
        <v>121</v>
      </c>
      <c r="K27" s="18" t="s">
        <v>97</v>
      </c>
    </row>
    <row r="28" spans="1:11" ht="84" x14ac:dyDescent="0.2">
      <c r="A28" s="13">
        <v>22</v>
      </c>
      <c r="B28" s="5" t="s">
        <v>8</v>
      </c>
      <c r="C28" s="6" t="s">
        <v>4</v>
      </c>
      <c r="D28" s="21" t="s">
        <v>37</v>
      </c>
      <c r="E28" s="31" t="s">
        <v>160</v>
      </c>
      <c r="F28" s="25" t="s">
        <v>127</v>
      </c>
      <c r="G28" s="60" t="s">
        <v>2167</v>
      </c>
      <c r="H28" s="60" t="s">
        <v>2168</v>
      </c>
      <c r="I28" s="31" t="s">
        <v>89</v>
      </c>
      <c r="J28" s="23" t="s">
        <v>121</v>
      </c>
      <c r="K28" s="18" t="s">
        <v>97</v>
      </c>
    </row>
    <row r="29" spans="1:11" ht="84" x14ac:dyDescent="0.2">
      <c r="A29" s="12">
        <v>23</v>
      </c>
      <c r="B29" s="5" t="s">
        <v>8</v>
      </c>
      <c r="C29" s="6" t="s">
        <v>4</v>
      </c>
      <c r="D29" s="21" t="s">
        <v>38</v>
      </c>
      <c r="E29" s="31" t="s">
        <v>161</v>
      </c>
      <c r="F29" s="25" t="s">
        <v>127</v>
      </c>
      <c r="G29" s="60" t="s">
        <v>2169</v>
      </c>
      <c r="H29" s="60" t="s">
        <v>2168</v>
      </c>
      <c r="I29" s="31" t="s">
        <v>89</v>
      </c>
      <c r="J29" s="23" t="s">
        <v>121</v>
      </c>
      <c r="K29" s="18" t="s">
        <v>97</v>
      </c>
    </row>
    <row r="30" spans="1:11" ht="211.2" x14ac:dyDescent="0.2">
      <c r="A30" s="13">
        <v>24</v>
      </c>
      <c r="B30" s="5" t="s">
        <v>8</v>
      </c>
      <c r="C30" s="6" t="s">
        <v>4</v>
      </c>
      <c r="D30" s="21" t="s">
        <v>39</v>
      </c>
      <c r="E30" s="21" t="s">
        <v>162</v>
      </c>
      <c r="F30" s="25" t="s">
        <v>127</v>
      </c>
      <c r="G30" s="60" t="s">
        <v>2170</v>
      </c>
      <c r="H30" s="60" t="s">
        <v>2171</v>
      </c>
      <c r="I30" s="31" t="s">
        <v>2172</v>
      </c>
      <c r="J30" s="23" t="s">
        <v>128</v>
      </c>
      <c r="K30" s="18" t="s">
        <v>97</v>
      </c>
    </row>
    <row r="31" spans="1:11" ht="79.2" x14ac:dyDescent="0.2">
      <c r="A31" s="12">
        <v>25</v>
      </c>
      <c r="B31" s="5" t="s">
        <v>8</v>
      </c>
      <c r="C31" s="6" t="s">
        <v>4</v>
      </c>
      <c r="D31" s="21" t="s">
        <v>40</v>
      </c>
      <c r="E31" s="31" t="s">
        <v>163</v>
      </c>
      <c r="F31" s="25" t="s">
        <v>127</v>
      </c>
      <c r="G31" s="60" t="s">
        <v>2190</v>
      </c>
      <c r="H31" s="60" t="s">
        <v>2173</v>
      </c>
      <c r="I31" s="31" t="s">
        <v>88</v>
      </c>
      <c r="J31" s="23" t="s">
        <v>121</v>
      </c>
      <c r="K31" s="18" t="s">
        <v>97</v>
      </c>
    </row>
    <row r="32" spans="1:11" ht="118.8" x14ac:dyDescent="0.2">
      <c r="A32" s="13">
        <v>26</v>
      </c>
      <c r="B32" s="5" t="s">
        <v>8</v>
      </c>
      <c r="C32" s="6" t="s">
        <v>4</v>
      </c>
      <c r="D32" s="21" t="s">
        <v>41</v>
      </c>
      <c r="E32" s="21" t="s">
        <v>164</v>
      </c>
      <c r="F32" s="25" t="s">
        <v>127</v>
      </c>
      <c r="G32" s="60" t="s">
        <v>2174</v>
      </c>
      <c r="H32" s="60" t="s">
        <v>79</v>
      </c>
      <c r="I32" s="31" t="s">
        <v>2175</v>
      </c>
      <c r="J32" s="23" t="s">
        <v>121</v>
      </c>
      <c r="K32" s="18" t="s">
        <v>97</v>
      </c>
    </row>
    <row r="33" spans="1:11" ht="145.19999999999999" x14ac:dyDescent="0.2">
      <c r="A33" s="12">
        <v>27</v>
      </c>
      <c r="B33" s="5" t="s">
        <v>8</v>
      </c>
      <c r="C33" s="6" t="s">
        <v>4</v>
      </c>
      <c r="D33" s="31" t="s">
        <v>2176</v>
      </c>
      <c r="E33" s="31" t="s">
        <v>165</v>
      </c>
      <c r="F33" s="61" t="s">
        <v>127</v>
      </c>
      <c r="G33" s="60" t="s">
        <v>2177</v>
      </c>
      <c r="H33" s="60" t="s">
        <v>2178</v>
      </c>
      <c r="I33" s="21" t="s">
        <v>657</v>
      </c>
      <c r="J33" s="23" t="s">
        <v>123</v>
      </c>
      <c r="K33" s="18" t="s">
        <v>97</v>
      </c>
    </row>
    <row r="34" spans="1:11" ht="108" x14ac:dyDescent="0.2">
      <c r="A34" s="13">
        <v>28</v>
      </c>
      <c r="B34" s="5" t="s">
        <v>8</v>
      </c>
      <c r="C34" s="6" t="s">
        <v>4</v>
      </c>
      <c r="D34" s="31" t="s">
        <v>42</v>
      </c>
      <c r="E34" s="31" t="s">
        <v>166</v>
      </c>
      <c r="F34" s="61" t="s">
        <v>127</v>
      </c>
      <c r="G34" s="60" t="s">
        <v>2179</v>
      </c>
      <c r="H34" s="60" t="s">
        <v>2180</v>
      </c>
      <c r="I34" s="21" t="s">
        <v>88</v>
      </c>
      <c r="J34" s="23" t="s">
        <v>121</v>
      </c>
      <c r="K34" s="18" t="s">
        <v>97</v>
      </c>
    </row>
    <row r="35" spans="1:11" ht="105.6" x14ac:dyDescent="0.2">
      <c r="A35" s="12">
        <v>29</v>
      </c>
      <c r="B35" s="5" t="s">
        <v>8</v>
      </c>
      <c r="C35" s="6" t="s">
        <v>4</v>
      </c>
      <c r="D35" s="21" t="s">
        <v>43</v>
      </c>
      <c r="E35" s="21" t="s">
        <v>167</v>
      </c>
      <c r="F35" s="24" t="s">
        <v>127</v>
      </c>
      <c r="G35" s="60" t="s">
        <v>2181</v>
      </c>
      <c r="H35" s="60" t="s">
        <v>2182</v>
      </c>
      <c r="I35" s="31" t="s">
        <v>2183</v>
      </c>
      <c r="J35" s="23" t="s">
        <v>121</v>
      </c>
      <c r="K35" s="18" t="s">
        <v>97</v>
      </c>
    </row>
    <row r="36" spans="1:11" ht="105.6" x14ac:dyDescent="0.2">
      <c r="A36" s="13">
        <v>30</v>
      </c>
      <c r="B36" s="5" t="s">
        <v>8</v>
      </c>
      <c r="C36" s="6" t="s">
        <v>4</v>
      </c>
      <c r="D36" s="21" t="s">
        <v>44</v>
      </c>
      <c r="E36" s="21" t="s">
        <v>168</v>
      </c>
      <c r="F36" s="24" t="s">
        <v>127</v>
      </c>
      <c r="G36" s="60" t="s">
        <v>2184</v>
      </c>
      <c r="H36" s="60" t="s">
        <v>2185</v>
      </c>
      <c r="I36" s="31" t="s">
        <v>2186</v>
      </c>
      <c r="J36" s="23" t="s">
        <v>121</v>
      </c>
      <c r="K36" s="18" t="s">
        <v>97</v>
      </c>
    </row>
    <row r="37" spans="1:11" ht="120" x14ac:dyDescent="0.2">
      <c r="A37" s="12">
        <v>31</v>
      </c>
      <c r="B37" s="7" t="s">
        <v>8</v>
      </c>
      <c r="C37" s="6" t="s">
        <v>4</v>
      </c>
      <c r="D37" s="21" t="s">
        <v>126</v>
      </c>
      <c r="E37" s="23" t="s">
        <v>169</v>
      </c>
      <c r="F37" s="24" t="s">
        <v>127</v>
      </c>
      <c r="G37" s="62" t="s">
        <v>2187</v>
      </c>
      <c r="H37" s="62" t="s">
        <v>2188</v>
      </c>
      <c r="I37" s="31" t="s">
        <v>2189</v>
      </c>
      <c r="J37" s="23" t="s">
        <v>121</v>
      </c>
      <c r="K37" s="18" t="s">
        <v>97</v>
      </c>
    </row>
    <row r="38" spans="1:11" ht="54.6" customHeight="1" x14ac:dyDescent="0.2">
      <c r="A38" s="15">
        <v>32</v>
      </c>
      <c r="B38" s="5" t="s">
        <v>9</v>
      </c>
      <c r="C38" s="6" t="s">
        <v>4</v>
      </c>
      <c r="D38" s="31" t="s">
        <v>2192</v>
      </c>
      <c r="E38" s="31" t="s">
        <v>2193</v>
      </c>
      <c r="F38" s="24" t="s">
        <v>127</v>
      </c>
      <c r="G38" s="27" t="s">
        <v>64</v>
      </c>
      <c r="H38" s="27" t="s">
        <v>74</v>
      </c>
      <c r="I38" s="21" t="s">
        <v>90</v>
      </c>
      <c r="J38" s="23" t="s">
        <v>95</v>
      </c>
      <c r="K38" s="18" t="s">
        <v>97</v>
      </c>
    </row>
    <row r="39" spans="1:11" ht="26.4" x14ac:dyDescent="0.2">
      <c r="A39" s="12">
        <v>33</v>
      </c>
      <c r="B39" s="5" t="s">
        <v>9</v>
      </c>
      <c r="C39" s="6" t="s">
        <v>4</v>
      </c>
      <c r="D39" s="21" t="s">
        <v>45</v>
      </c>
      <c r="E39" s="21" t="s">
        <v>170</v>
      </c>
      <c r="F39" s="24" t="s">
        <v>127</v>
      </c>
      <c r="G39" s="27" t="s">
        <v>65</v>
      </c>
      <c r="H39" s="27" t="s">
        <v>74</v>
      </c>
      <c r="I39" s="21" t="s">
        <v>91</v>
      </c>
      <c r="J39" s="23" t="s">
        <v>95</v>
      </c>
      <c r="K39" s="18" t="s">
        <v>97</v>
      </c>
    </row>
    <row r="40" spans="1:11" ht="48" x14ac:dyDescent="0.2">
      <c r="A40" s="15">
        <v>34</v>
      </c>
      <c r="B40" s="5" t="s">
        <v>9</v>
      </c>
      <c r="C40" s="6" t="s">
        <v>4</v>
      </c>
      <c r="D40" s="21" t="s">
        <v>46</v>
      </c>
      <c r="E40" s="21" t="s">
        <v>171</v>
      </c>
      <c r="F40" s="24" t="s">
        <v>127</v>
      </c>
      <c r="G40" s="27" t="s">
        <v>66</v>
      </c>
      <c r="H40" s="60" t="s">
        <v>2194</v>
      </c>
      <c r="I40" s="21" t="s">
        <v>92</v>
      </c>
      <c r="J40" s="23" t="s">
        <v>95</v>
      </c>
      <c r="K40" s="18" t="s">
        <v>97</v>
      </c>
    </row>
    <row r="41" spans="1:11" ht="106.2" customHeight="1" x14ac:dyDescent="0.2">
      <c r="A41" s="12">
        <v>35</v>
      </c>
      <c r="B41" s="5" t="s">
        <v>9</v>
      </c>
      <c r="C41" s="6" t="s">
        <v>4</v>
      </c>
      <c r="D41" s="21" t="s">
        <v>47</v>
      </c>
      <c r="E41" s="21" t="s">
        <v>172</v>
      </c>
      <c r="F41" s="24" t="s">
        <v>127</v>
      </c>
      <c r="G41" s="27" t="s">
        <v>67</v>
      </c>
      <c r="H41" s="27" t="s">
        <v>74</v>
      </c>
      <c r="I41" s="21" t="s">
        <v>93</v>
      </c>
      <c r="J41" s="23" t="s">
        <v>96</v>
      </c>
      <c r="K41" s="18" t="s">
        <v>97</v>
      </c>
    </row>
    <row r="42" spans="1:11" ht="110.4" customHeight="1" x14ac:dyDescent="0.2">
      <c r="A42" s="15">
        <v>36</v>
      </c>
      <c r="B42" s="5" t="s">
        <v>9</v>
      </c>
      <c r="C42" s="6" t="s">
        <v>4</v>
      </c>
      <c r="D42" s="21" t="s">
        <v>48</v>
      </c>
      <c r="E42" s="21" t="s">
        <v>181</v>
      </c>
      <c r="F42" s="24" t="s">
        <v>127</v>
      </c>
      <c r="G42" s="27" t="s">
        <v>68</v>
      </c>
      <c r="H42" s="27" t="s">
        <v>129</v>
      </c>
      <c r="I42" s="21" t="s">
        <v>6</v>
      </c>
      <c r="J42" s="23" t="s">
        <v>130</v>
      </c>
      <c r="K42" s="18" t="s">
        <v>97</v>
      </c>
    </row>
    <row r="43" spans="1:11" ht="84" x14ac:dyDescent="0.2">
      <c r="A43" s="12">
        <v>37</v>
      </c>
      <c r="B43" s="5" t="s">
        <v>9</v>
      </c>
      <c r="C43" s="6" t="s">
        <v>4</v>
      </c>
      <c r="D43" s="21" t="s">
        <v>49</v>
      </c>
      <c r="E43" s="31" t="s">
        <v>173</v>
      </c>
      <c r="F43" s="25" t="s">
        <v>127</v>
      </c>
      <c r="G43" s="27" t="s">
        <v>11</v>
      </c>
      <c r="H43" s="27" t="s">
        <v>80</v>
      </c>
      <c r="I43" s="21" t="s">
        <v>6</v>
      </c>
      <c r="J43" s="23" t="s">
        <v>122</v>
      </c>
      <c r="K43" s="18" t="s">
        <v>97</v>
      </c>
    </row>
    <row r="44" spans="1:11" ht="88.2" customHeight="1" x14ac:dyDescent="0.2">
      <c r="A44" s="15">
        <v>38</v>
      </c>
      <c r="B44" s="5" t="s">
        <v>9</v>
      </c>
      <c r="C44" s="6" t="s">
        <v>4</v>
      </c>
      <c r="D44" s="21" t="s">
        <v>50</v>
      </c>
      <c r="E44" s="31" t="s">
        <v>174</v>
      </c>
      <c r="F44" s="25" t="s">
        <v>127</v>
      </c>
      <c r="G44" s="27" t="s">
        <v>69</v>
      </c>
      <c r="H44" s="27" t="s">
        <v>80</v>
      </c>
      <c r="I44" s="21" t="s">
        <v>6</v>
      </c>
      <c r="J44" s="23" t="s">
        <v>122</v>
      </c>
      <c r="K44" s="18" t="s">
        <v>97</v>
      </c>
    </row>
    <row r="45" spans="1:11" ht="96" x14ac:dyDescent="0.2">
      <c r="A45" s="12">
        <v>39</v>
      </c>
      <c r="B45" s="5" t="s">
        <v>9</v>
      </c>
      <c r="C45" s="6" t="s">
        <v>115</v>
      </c>
      <c r="D45" s="21" t="s">
        <v>109</v>
      </c>
      <c r="E45" s="21" t="s">
        <v>175</v>
      </c>
      <c r="F45" s="21" t="s">
        <v>114</v>
      </c>
      <c r="G45" s="27" t="s">
        <v>110</v>
      </c>
      <c r="H45" s="27" t="s">
        <v>111</v>
      </c>
      <c r="I45" s="21" t="s">
        <v>113</v>
      </c>
      <c r="J45" s="23" t="s">
        <v>112</v>
      </c>
      <c r="K45" s="19" t="s">
        <v>97</v>
      </c>
    </row>
    <row r="46" spans="1:11" s="4" customFormat="1" ht="105.6" x14ac:dyDescent="0.2">
      <c r="A46" s="15">
        <v>40</v>
      </c>
      <c r="B46" s="5" t="s">
        <v>9</v>
      </c>
      <c r="C46" s="11" t="s">
        <v>4</v>
      </c>
      <c r="D46" s="24" t="s">
        <v>137</v>
      </c>
      <c r="E46" s="21" t="s">
        <v>176</v>
      </c>
      <c r="F46" s="25" t="s">
        <v>135</v>
      </c>
      <c r="G46" s="26" t="s">
        <v>132</v>
      </c>
      <c r="H46" s="26" t="s">
        <v>133</v>
      </c>
      <c r="I46" s="24" t="s">
        <v>134</v>
      </c>
      <c r="J46" s="32" t="s">
        <v>136</v>
      </c>
      <c r="K46" s="19" t="s">
        <v>97</v>
      </c>
    </row>
    <row r="47" spans="1:11" ht="41.4" customHeight="1" x14ac:dyDescent="0.2">
      <c r="A47" s="15"/>
      <c r="B47" s="5" t="s">
        <v>177</v>
      </c>
      <c r="C47" s="6"/>
      <c r="D47" s="21"/>
      <c r="E47" s="31"/>
      <c r="F47" s="25"/>
      <c r="G47" s="27"/>
      <c r="H47" s="27"/>
      <c r="I47" s="21"/>
      <c r="J47" s="23"/>
      <c r="K47" s="18"/>
    </row>
    <row r="48" spans="1:11" ht="41.4" customHeight="1" x14ac:dyDescent="0.2">
      <c r="A48" s="12"/>
      <c r="B48" s="5" t="s">
        <v>177</v>
      </c>
      <c r="C48" s="6"/>
      <c r="D48" s="21"/>
      <c r="E48" s="21"/>
      <c r="F48" s="21"/>
      <c r="G48" s="27"/>
      <c r="H48" s="27"/>
      <c r="I48" s="21"/>
      <c r="J48" s="23"/>
      <c r="K48" s="19"/>
    </row>
    <row r="49" spans="1:11" s="16" customFormat="1" ht="41.4" customHeight="1" thickBot="1" x14ac:dyDescent="0.25">
      <c r="A49" s="15"/>
      <c r="B49" s="5" t="s">
        <v>177</v>
      </c>
      <c r="C49" s="11"/>
      <c r="D49" s="24"/>
      <c r="E49" s="21"/>
      <c r="F49" s="25"/>
      <c r="G49" s="26"/>
      <c r="H49" s="26"/>
      <c r="I49" s="24"/>
      <c r="J49" s="32"/>
      <c r="K49" s="20"/>
    </row>
  </sheetData>
  <autoFilter ref="A6:P49" xr:uid="{00000000-0009-0000-0000-000000000000}"/>
  <mergeCells count="11">
    <mergeCell ref="J5:J6"/>
    <mergeCell ref="A5:A6"/>
    <mergeCell ref="B5:B6"/>
    <mergeCell ref="F5:F6"/>
    <mergeCell ref="A2:B2"/>
    <mergeCell ref="G5:G6"/>
    <mergeCell ref="E5:E6"/>
    <mergeCell ref="H5:H6"/>
    <mergeCell ref="I5:I6"/>
    <mergeCell ref="C5:C6"/>
    <mergeCell ref="D5:D6"/>
  </mergeCells>
  <phoneticPr fontId="1"/>
  <dataValidations count="1">
    <dataValidation type="list" allowBlank="1" showInputMessage="1" showErrorMessage="1" sqref="K7:K49" xr:uid="{00000000-0002-0000-0000-000000000000}">
      <formula1>"不備なし,不備あり,重大な不備あり,当該リスクの扱いなし"</formula1>
    </dataValidation>
  </dataValidations>
  <printOptions horizontalCentered="1"/>
  <pageMargins left="0.51181102362204722" right="0.51181102362204722" top="0.94488188976377963" bottom="0.94488188976377963" header="0.51181102362204722" footer="0.31496062992125984"/>
  <pageSetup paperSize="9" scale="64" fitToHeight="0" orientation="landscape" cellComments="asDisplayed"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1000"/>
  <sheetViews>
    <sheetView topLeftCell="A992" workbookViewId="0">
      <selection activeCell="B240" sqref="B240"/>
    </sheetView>
  </sheetViews>
  <sheetFormatPr defaultRowHeight="14.4" x14ac:dyDescent="0.2"/>
  <cols>
    <col min="1" max="1" width="10.3984375" style="54" customWidth="1"/>
    <col min="2" max="2" width="42.5" style="57" bestFit="1" customWidth="1"/>
  </cols>
  <sheetData>
    <row r="1" spans="1:2" x14ac:dyDescent="0.2">
      <c r="A1" s="58" t="s">
        <v>658</v>
      </c>
      <c r="B1" s="59" t="s">
        <v>185</v>
      </c>
    </row>
    <row r="2" spans="1:2" x14ac:dyDescent="0.2">
      <c r="A2" s="52" t="s">
        <v>186</v>
      </c>
      <c r="B2" s="55" t="s">
        <v>187</v>
      </c>
    </row>
    <row r="3" spans="1:2" x14ac:dyDescent="0.2">
      <c r="A3" s="52" t="s">
        <v>188</v>
      </c>
      <c r="B3" s="55" t="s">
        <v>189</v>
      </c>
    </row>
    <row r="4" spans="1:2" x14ac:dyDescent="0.2">
      <c r="A4" s="52" t="s">
        <v>190</v>
      </c>
      <c r="B4" s="52" t="s">
        <v>2151</v>
      </c>
    </row>
    <row r="5" spans="1:2" x14ac:dyDescent="0.2">
      <c r="A5" s="52" t="s">
        <v>191</v>
      </c>
      <c r="B5" s="55" t="s">
        <v>192</v>
      </c>
    </row>
    <row r="6" spans="1:2" x14ac:dyDescent="0.2">
      <c r="A6" s="52" t="s">
        <v>193</v>
      </c>
      <c r="B6" s="55" t="s">
        <v>194</v>
      </c>
    </row>
    <row r="7" spans="1:2" x14ac:dyDescent="0.2">
      <c r="A7" s="52" t="s">
        <v>195</v>
      </c>
      <c r="B7" s="55" t="s">
        <v>196</v>
      </c>
    </row>
    <row r="8" spans="1:2" x14ac:dyDescent="0.2">
      <c r="A8" s="52" t="s">
        <v>197</v>
      </c>
      <c r="B8" s="55" t="s">
        <v>198</v>
      </c>
    </row>
    <row r="9" spans="1:2" x14ac:dyDescent="0.2">
      <c r="A9" s="52" t="s">
        <v>199</v>
      </c>
      <c r="B9" s="55" t="s">
        <v>200</v>
      </c>
    </row>
    <row r="10" spans="1:2" x14ac:dyDescent="0.2">
      <c r="A10" s="52" t="s">
        <v>201</v>
      </c>
      <c r="B10" s="55" t="s">
        <v>202</v>
      </c>
    </row>
    <row r="11" spans="1:2" x14ac:dyDescent="0.2">
      <c r="A11" s="52" t="s">
        <v>203</v>
      </c>
      <c r="B11" s="55" t="s">
        <v>204</v>
      </c>
    </row>
    <row r="12" spans="1:2" x14ac:dyDescent="0.2">
      <c r="A12" s="52" t="s">
        <v>205</v>
      </c>
      <c r="B12" s="55" t="s">
        <v>206</v>
      </c>
    </row>
    <row r="13" spans="1:2" x14ac:dyDescent="0.2">
      <c r="A13" s="52" t="s">
        <v>207</v>
      </c>
      <c r="B13" s="55" t="s">
        <v>208</v>
      </c>
    </row>
    <row r="14" spans="1:2" x14ac:dyDescent="0.2">
      <c r="A14" s="52" t="s">
        <v>209</v>
      </c>
      <c r="B14" s="55" t="s">
        <v>210</v>
      </c>
    </row>
    <row r="15" spans="1:2" x14ac:dyDescent="0.2">
      <c r="A15" s="52" t="s">
        <v>211</v>
      </c>
      <c r="B15" s="55" t="s">
        <v>212</v>
      </c>
    </row>
    <row r="16" spans="1:2" x14ac:dyDescent="0.2">
      <c r="A16" s="52" t="s">
        <v>213</v>
      </c>
      <c r="B16" s="55" t="s">
        <v>214</v>
      </c>
    </row>
    <row r="17" spans="1:2" x14ac:dyDescent="0.2">
      <c r="A17" s="52" t="s">
        <v>215</v>
      </c>
      <c r="B17" s="55" t="s">
        <v>216</v>
      </c>
    </row>
    <row r="18" spans="1:2" x14ac:dyDescent="0.2">
      <c r="A18" s="52" t="s">
        <v>217</v>
      </c>
      <c r="B18" s="52" t="s">
        <v>2152</v>
      </c>
    </row>
    <row r="19" spans="1:2" x14ac:dyDescent="0.2">
      <c r="A19" s="52" t="s">
        <v>218</v>
      </c>
      <c r="B19" s="55" t="s">
        <v>219</v>
      </c>
    </row>
    <row r="20" spans="1:2" x14ac:dyDescent="0.2">
      <c r="A20" s="52" t="s">
        <v>220</v>
      </c>
      <c r="B20" s="55" t="s">
        <v>221</v>
      </c>
    </row>
    <row r="21" spans="1:2" x14ac:dyDescent="0.2">
      <c r="A21" s="52" t="s">
        <v>222</v>
      </c>
      <c r="B21" s="55" t="s">
        <v>223</v>
      </c>
    </row>
    <row r="22" spans="1:2" x14ac:dyDescent="0.2">
      <c r="A22" s="52" t="s">
        <v>224</v>
      </c>
      <c r="B22" s="55" t="s">
        <v>225</v>
      </c>
    </row>
    <row r="23" spans="1:2" x14ac:dyDescent="0.2">
      <c r="A23" s="52" t="s">
        <v>226</v>
      </c>
      <c r="B23" s="55" t="s">
        <v>227</v>
      </c>
    </row>
    <row r="24" spans="1:2" x14ac:dyDescent="0.2">
      <c r="A24" s="52" t="s">
        <v>228</v>
      </c>
      <c r="B24" s="55" t="s">
        <v>229</v>
      </c>
    </row>
    <row r="25" spans="1:2" x14ac:dyDescent="0.2">
      <c r="A25" s="52" t="s">
        <v>230</v>
      </c>
      <c r="B25" s="55" t="s">
        <v>231</v>
      </c>
    </row>
    <row r="26" spans="1:2" x14ac:dyDescent="0.2">
      <c r="A26" s="52" t="s">
        <v>232</v>
      </c>
      <c r="B26" s="55" t="s">
        <v>233</v>
      </c>
    </row>
    <row r="27" spans="1:2" x14ac:dyDescent="0.2">
      <c r="A27" s="52" t="s">
        <v>234</v>
      </c>
      <c r="B27" s="55" t="s">
        <v>235</v>
      </c>
    </row>
    <row r="28" spans="1:2" x14ac:dyDescent="0.2">
      <c r="A28" s="52" t="s">
        <v>236</v>
      </c>
      <c r="B28" s="55" t="s">
        <v>237</v>
      </c>
    </row>
    <row r="29" spans="1:2" x14ac:dyDescent="0.2">
      <c r="A29" s="52" t="s">
        <v>238</v>
      </c>
      <c r="B29" s="55" t="s">
        <v>239</v>
      </c>
    </row>
    <row r="30" spans="1:2" x14ac:dyDescent="0.2">
      <c r="A30" s="52" t="s">
        <v>240</v>
      </c>
      <c r="B30" s="55" t="s">
        <v>241</v>
      </c>
    </row>
    <row r="31" spans="1:2" x14ac:dyDescent="0.2">
      <c r="A31" s="52" t="s">
        <v>242</v>
      </c>
      <c r="B31" s="55" t="s">
        <v>243</v>
      </c>
    </row>
    <row r="32" spans="1:2" x14ac:dyDescent="0.2">
      <c r="A32" s="52" t="s">
        <v>244</v>
      </c>
      <c r="B32" s="55" t="s">
        <v>245</v>
      </c>
    </row>
    <row r="33" spans="1:2" x14ac:dyDescent="0.2">
      <c r="A33" s="52" t="s">
        <v>246</v>
      </c>
      <c r="B33" s="55" t="s">
        <v>247</v>
      </c>
    </row>
    <row r="34" spans="1:2" x14ac:dyDescent="0.2">
      <c r="A34" s="52" t="s">
        <v>248</v>
      </c>
      <c r="B34" s="55" t="s">
        <v>249</v>
      </c>
    </row>
    <row r="35" spans="1:2" x14ac:dyDescent="0.2">
      <c r="A35" s="52" t="s">
        <v>250</v>
      </c>
      <c r="B35" s="55" t="s">
        <v>251</v>
      </c>
    </row>
    <row r="36" spans="1:2" x14ac:dyDescent="0.2">
      <c r="A36" s="52" t="s">
        <v>252</v>
      </c>
      <c r="B36" s="55" t="s">
        <v>253</v>
      </c>
    </row>
    <row r="37" spans="1:2" x14ac:dyDescent="0.2">
      <c r="A37" s="52" t="s">
        <v>254</v>
      </c>
      <c r="B37" s="55" t="s">
        <v>255</v>
      </c>
    </row>
    <row r="38" spans="1:2" x14ac:dyDescent="0.2">
      <c r="A38" s="52" t="s">
        <v>256</v>
      </c>
      <c r="B38" s="55" t="s">
        <v>257</v>
      </c>
    </row>
    <row r="39" spans="1:2" x14ac:dyDescent="0.2">
      <c r="A39" s="52" t="s">
        <v>258</v>
      </c>
      <c r="B39" s="55" t="s">
        <v>259</v>
      </c>
    </row>
    <row r="40" spans="1:2" x14ac:dyDescent="0.2">
      <c r="A40" s="52" t="s">
        <v>260</v>
      </c>
      <c r="B40" s="55" t="s">
        <v>261</v>
      </c>
    </row>
    <row r="41" spans="1:2" x14ac:dyDescent="0.2">
      <c r="A41" s="52" t="s">
        <v>262</v>
      </c>
      <c r="B41" s="55" t="s">
        <v>263</v>
      </c>
    </row>
    <row r="42" spans="1:2" x14ac:dyDescent="0.2">
      <c r="A42" s="52" t="s">
        <v>264</v>
      </c>
      <c r="B42" s="55" t="s">
        <v>265</v>
      </c>
    </row>
    <row r="43" spans="1:2" x14ac:dyDescent="0.2">
      <c r="A43" s="52" t="s">
        <v>266</v>
      </c>
      <c r="B43" s="55" t="s">
        <v>267</v>
      </c>
    </row>
    <row r="44" spans="1:2" x14ac:dyDescent="0.2">
      <c r="A44" s="52" t="s">
        <v>268</v>
      </c>
      <c r="B44" s="52" t="s">
        <v>2153</v>
      </c>
    </row>
    <row r="45" spans="1:2" x14ac:dyDescent="0.2">
      <c r="A45" s="52" t="s">
        <v>269</v>
      </c>
      <c r="B45" s="55" t="s">
        <v>270</v>
      </c>
    </row>
    <row r="46" spans="1:2" x14ac:dyDescent="0.2">
      <c r="A46" s="52" t="s">
        <v>271</v>
      </c>
      <c r="B46" s="55" t="s">
        <v>272</v>
      </c>
    </row>
    <row r="47" spans="1:2" x14ac:dyDescent="0.2">
      <c r="A47" s="52" t="s">
        <v>273</v>
      </c>
      <c r="B47" s="55" t="s">
        <v>274</v>
      </c>
    </row>
    <row r="48" spans="1:2" x14ac:dyDescent="0.2">
      <c r="A48" s="52" t="s">
        <v>275</v>
      </c>
      <c r="B48" s="55" t="s">
        <v>276</v>
      </c>
    </row>
    <row r="49" spans="1:2" x14ac:dyDescent="0.2">
      <c r="A49" s="52" t="s">
        <v>277</v>
      </c>
      <c r="B49" s="55" t="s">
        <v>278</v>
      </c>
    </row>
    <row r="50" spans="1:2" x14ac:dyDescent="0.2">
      <c r="A50" s="52" t="s">
        <v>279</v>
      </c>
      <c r="B50" s="55" t="s">
        <v>280</v>
      </c>
    </row>
    <row r="51" spans="1:2" x14ac:dyDescent="0.2">
      <c r="A51" s="52" t="s">
        <v>281</v>
      </c>
      <c r="B51" s="55" t="s">
        <v>282</v>
      </c>
    </row>
    <row r="52" spans="1:2" x14ac:dyDescent="0.2">
      <c r="A52" s="52" t="s">
        <v>283</v>
      </c>
      <c r="B52" s="52" t="s">
        <v>2154</v>
      </c>
    </row>
    <row r="53" spans="1:2" x14ac:dyDescent="0.2">
      <c r="A53" s="52" t="s">
        <v>284</v>
      </c>
      <c r="B53" s="55" t="s">
        <v>285</v>
      </c>
    </row>
    <row r="54" spans="1:2" x14ac:dyDescent="0.2">
      <c r="A54" s="52" t="s">
        <v>292</v>
      </c>
      <c r="B54" s="55" t="s">
        <v>293</v>
      </c>
    </row>
    <row r="55" spans="1:2" x14ac:dyDescent="0.2">
      <c r="A55" s="52" t="s">
        <v>296</v>
      </c>
      <c r="B55" s="55" t="s">
        <v>297</v>
      </c>
    </row>
    <row r="56" spans="1:2" x14ac:dyDescent="0.2">
      <c r="A56" s="52" t="s">
        <v>294</v>
      </c>
      <c r="B56" s="55" t="s">
        <v>295</v>
      </c>
    </row>
    <row r="57" spans="1:2" x14ac:dyDescent="0.2">
      <c r="A57" s="52" t="s">
        <v>286</v>
      </c>
      <c r="B57" s="55" t="s">
        <v>287</v>
      </c>
    </row>
    <row r="58" spans="1:2" x14ac:dyDescent="0.2">
      <c r="A58" s="52" t="s">
        <v>288</v>
      </c>
      <c r="B58" s="55" t="s">
        <v>289</v>
      </c>
    </row>
    <row r="59" spans="1:2" x14ac:dyDescent="0.2">
      <c r="A59" s="52" t="s">
        <v>290</v>
      </c>
      <c r="B59" s="55" t="s">
        <v>291</v>
      </c>
    </row>
    <row r="60" spans="1:2" x14ac:dyDescent="0.2">
      <c r="A60" s="52" t="s">
        <v>298</v>
      </c>
      <c r="B60" s="55" t="s">
        <v>299</v>
      </c>
    </row>
    <row r="61" spans="1:2" x14ac:dyDescent="0.2">
      <c r="A61" s="52" t="s">
        <v>300</v>
      </c>
      <c r="B61" s="52" t="s">
        <v>2155</v>
      </c>
    </row>
    <row r="62" spans="1:2" x14ac:dyDescent="0.2">
      <c r="A62" s="52" t="s">
        <v>659</v>
      </c>
      <c r="B62" s="55" t="s">
        <v>1414</v>
      </c>
    </row>
    <row r="63" spans="1:2" x14ac:dyDescent="0.2">
      <c r="A63" s="52" t="s">
        <v>660</v>
      </c>
      <c r="B63" s="55" t="s">
        <v>1415</v>
      </c>
    </row>
    <row r="64" spans="1:2" x14ac:dyDescent="0.2">
      <c r="A64" s="52" t="s">
        <v>301</v>
      </c>
      <c r="B64" s="55" t="s">
        <v>302</v>
      </c>
    </row>
    <row r="65" spans="1:2" x14ac:dyDescent="0.2">
      <c r="A65" s="52" t="s">
        <v>303</v>
      </c>
      <c r="B65" s="55" t="s">
        <v>304</v>
      </c>
    </row>
    <row r="66" spans="1:2" x14ac:dyDescent="0.2">
      <c r="A66" s="52" t="s">
        <v>305</v>
      </c>
      <c r="B66" s="55" t="s">
        <v>306</v>
      </c>
    </row>
    <row r="67" spans="1:2" x14ac:dyDescent="0.2">
      <c r="A67" s="52" t="s">
        <v>307</v>
      </c>
      <c r="B67" s="55" t="s">
        <v>308</v>
      </c>
    </row>
    <row r="68" spans="1:2" x14ac:dyDescent="0.2">
      <c r="A68" s="52" t="s">
        <v>309</v>
      </c>
      <c r="B68" s="55" t="s">
        <v>310</v>
      </c>
    </row>
    <row r="69" spans="1:2" x14ac:dyDescent="0.2">
      <c r="A69" s="52" t="s">
        <v>311</v>
      </c>
      <c r="B69" s="55" t="s">
        <v>312</v>
      </c>
    </row>
    <row r="70" spans="1:2" x14ac:dyDescent="0.2">
      <c r="A70" s="52" t="s">
        <v>313</v>
      </c>
      <c r="B70" s="55" t="s">
        <v>314</v>
      </c>
    </row>
    <row r="71" spans="1:2" x14ac:dyDescent="0.2">
      <c r="A71" s="52" t="s">
        <v>315</v>
      </c>
      <c r="B71" s="55" t="s">
        <v>316</v>
      </c>
    </row>
    <row r="72" spans="1:2" x14ac:dyDescent="0.2">
      <c r="A72" s="52" t="s">
        <v>317</v>
      </c>
      <c r="B72" s="55" t="s">
        <v>318</v>
      </c>
    </row>
    <row r="73" spans="1:2" x14ac:dyDescent="0.2">
      <c r="A73" s="52" t="s">
        <v>319</v>
      </c>
      <c r="B73" s="55" t="s">
        <v>320</v>
      </c>
    </row>
    <row r="74" spans="1:2" x14ac:dyDescent="0.2">
      <c r="A74" s="52" t="s">
        <v>321</v>
      </c>
      <c r="B74" s="55" t="s">
        <v>322</v>
      </c>
    </row>
    <row r="75" spans="1:2" x14ac:dyDescent="0.2">
      <c r="A75" s="52" t="s">
        <v>323</v>
      </c>
      <c r="B75" s="55" t="s">
        <v>324</v>
      </c>
    </row>
    <row r="76" spans="1:2" x14ac:dyDescent="0.2">
      <c r="A76" s="52" t="s">
        <v>325</v>
      </c>
      <c r="B76" s="55" t="s">
        <v>326</v>
      </c>
    </row>
    <row r="77" spans="1:2" x14ac:dyDescent="0.2">
      <c r="A77" s="52" t="s">
        <v>327</v>
      </c>
      <c r="B77" s="55" t="s">
        <v>328</v>
      </c>
    </row>
    <row r="78" spans="1:2" x14ac:dyDescent="0.2">
      <c r="A78" s="52" t="s">
        <v>329</v>
      </c>
      <c r="B78" s="55" t="s">
        <v>330</v>
      </c>
    </row>
    <row r="79" spans="1:2" x14ac:dyDescent="0.2">
      <c r="A79" s="52" t="s">
        <v>331</v>
      </c>
      <c r="B79" s="55" t="s">
        <v>332</v>
      </c>
    </row>
    <row r="80" spans="1:2" x14ac:dyDescent="0.2">
      <c r="A80" s="52" t="s">
        <v>333</v>
      </c>
      <c r="B80" s="55" t="s">
        <v>334</v>
      </c>
    </row>
    <row r="81" spans="1:2" x14ac:dyDescent="0.2">
      <c r="A81" s="52" t="s">
        <v>335</v>
      </c>
      <c r="B81" s="55" t="s">
        <v>336</v>
      </c>
    </row>
    <row r="82" spans="1:2" x14ac:dyDescent="0.2">
      <c r="A82" s="52" t="s">
        <v>337</v>
      </c>
      <c r="B82" s="55" t="s">
        <v>338</v>
      </c>
    </row>
    <row r="83" spans="1:2" x14ac:dyDescent="0.2">
      <c r="A83" s="52" t="s">
        <v>339</v>
      </c>
      <c r="B83" s="55" t="s">
        <v>340</v>
      </c>
    </row>
    <row r="84" spans="1:2" x14ac:dyDescent="0.2">
      <c r="A84" s="52" t="s">
        <v>341</v>
      </c>
      <c r="B84" s="55" t="s">
        <v>342</v>
      </c>
    </row>
    <row r="85" spans="1:2" x14ac:dyDescent="0.2">
      <c r="A85" s="52" t="s">
        <v>343</v>
      </c>
      <c r="B85" s="55" t="s">
        <v>344</v>
      </c>
    </row>
    <row r="86" spans="1:2" x14ac:dyDescent="0.2">
      <c r="A86" s="52" t="s">
        <v>345</v>
      </c>
      <c r="B86" s="55" t="s">
        <v>346</v>
      </c>
    </row>
    <row r="87" spans="1:2" x14ac:dyDescent="0.2">
      <c r="A87" s="52" t="s">
        <v>347</v>
      </c>
      <c r="B87" s="55" t="s">
        <v>348</v>
      </c>
    </row>
    <row r="88" spans="1:2" x14ac:dyDescent="0.2">
      <c r="A88" s="52" t="s">
        <v>349</v>
      </c>
      <c r="B88" s="55" t="s">
        <v>350</v>
      </c>
    </row>
    <row r="89" spans="1:2" x14ac:dyDescent="0.2">
      <c r="A89" s="52" t="s">
        <v>351</v>
      </c>
      <c r="B89" s="55" t="s">
        <v>352</v>
      </c>
    </row>
    <row r="90" spans="1:2" x14ac:dyDescent="0.2">
      <c r="A90" s="52" t="s">
        <v>353</v>
      </c>
      <c r="B90" s="52" t="s">
        <v>2156</v>
      </c>
    </row>
    <row r="91" spans="1:2" x14ac:dyDescent="0.2">
      <c r="A91" s="52" t="s">
        <v>354</v>
      </c>
      <c r="B91" s="55" t="s">
        <v>355</v>
      </c>
    </row>
    <row r="92" spans="1:2" x14ac:dyDescent="0.2">
      <c r="A92" s="52" t="s">
        <v>356</v>
      </c>
      <c r="B92" s="55" t="s">
        <v>357</v>
      </c>
    </row>
    <row r="93" spans="1:2" x14ac:dyDescent="0.2">
      <c r="A93" s="52" t="s">
        <v>358</v>
      </c>
      <c r="B93" s="55" t="s">
        <v>1416</v>
      </c>
    </row>
    <row r="94" spans="1:2" x14ac:dyDescent="0.2">
      <c r="A94" s="52" t="s">
        <v>359</v>
      </c>
      <c r="B94" s="55" t="s">
        <v>360</v>
      </c>
    </row>
    <row r="95" spans="1:2" x14ac:dyDescent="0.2">
      <c r="A95" s="52" t="s">
        <v>361</v>
      </c>
      <c r="B95" s="55" t="s">
        <v>362</v>
      </c>
    </row>
    <row r="96" spans="1:2" x14ac:dyDescent="0.2">
      <c r="A96" s="52" t="s">
        <v>363</v>
      </c>
      <c r="B96" s="55" t="s">
        <v>364</v>
      </c>
    </row>
    <row r="97" spans="1:2" x14ac:dyDescent="0.2">
      <c r="A97" s="52" t="s">
        <v>365</v>
      </c>
      <c r="B97" s="55" t="s">
        <v>366</v>
      </c>
    </row>
    <row r="98" spans="1:2" x14ac:dyDescent="0.2">
      <c r="A98" s="52" t="s">
        <v>367</v>
      </c>
      <c r="B98" s="55" t="s">
        <v>368</v>
      </c>
    </row>
    <row r="99" spans="1:2" x14ac:dyDescent="0.2">
      <c r="A99" s="52" t="s">
        <v>369</v>
      </c>
      <c r="B99" s="55" t="s">
        <v>370</v>
      </c>
    </row>
    <row r="100" spans="1:2" x14ac:dyDescent="0.2">
      <c r="A100" s="52" t="s">
        <v>371</v>
      </c>
      <c r="B100" s="55" t="s">
        <v>372</v>
      </c>
    </row>
    <row r="101" spans="1:2" x14ac:dyDescent="0.2">
      <c r="A101" s="52" t="s">
        <v>373</v>
      </c>
      <c r="B101" s="55" t="s">
        <v>374</v>
      </c>
    </row>
    <row r="102" spans="1:2" x14ac:dyDescent="0.2">
      <c r="A102" s="52" t="s">
        <v>375</v>
      </c>
      <c r="B102" s="55" t="s">
        <v>376</v>
      </c>
    </row>
    <row r="103" spans="1:2" x14ac:dyDescent="0.2">
      <c r="A103" s="52" t="s">
        <v>377</v>
      </c>
      <c r="B103" s="55" t="s">
        <v>378</v>
      </c>
    </row>
    <row r="104" spans="1:2" x14ac:dyDescent="0.2">
      <c r="A104" s="52" t="s">
        <v>379</v>
      </c>
      <c r="B104" s="55" t="s">
        <v>380</v>
      </c>
    </row>
    <row r="105" spans="1:2" x14ac:dyDescent="0.2">
      <c r="A105" s="52" t="s">
        <v>381</v>
      </c>
      <c r="B105" s="55" t="s">
        <v>382</v>
      </c>
    </row>
    <row r="106" spans="1:2" x14ac:dyDescent="0.2">
      <c r="A106" s="52" t="s">
        <v>383</v>
      </c>
      <c r="B106" s="55" t="s">
        <v>384</v>
      </c>
    </row>
    <row r="107" spans="1:2" x14ac:dyDescent="0.2">
      <c r="A107" s="52" t="s">
        <v>385</v>
      </c>
      <c r="B107" s="55" t="s">
        <v>386</v>
      </c>
    </row>
    <row r="108" spans="1:2" x14ac:dyDescent="0.2">
      <c r="A108" s="52" t="s">
        <v>387</v>
      </c>
      <c r="B108" s="55" t="s">
        <v>388</v>
      </c>
    </row>
    <row r="109" spans="1:2" x14ac:dyDescent="0.2">
      <c r="A109" s="52" t="s">
        <v>389</v>
      </c>
      <c r="B109" s="55" t="s">
        <v>390</v>
      </c>
    </row>
    <row r="110" spans="1:2" x14ac:dyDescent="0.2">
      <c r="A110" s="52" t="s">
        <v>391</v>
      </c>
      <c r="B110" s="55" t="s">
        <v>392</v>
      </c>
    </row>
    <row r="111" spans="1:2" x14ac:dyDescent="0.2">
      <c r="A111" s="52" t="s">
        <v>393</v>
      </c>
      <c r="B111" s="55" t="s">
        <v>394</v>
      </c>
    </row>
    <row r="112" spans="1:2" x14ac:dyDescent="0.2">
      <c r="A112" s="52" t="s">
        <v>395</v>
      </c>
      <c r="B112" s="55" t="s">
        <v>396</v>
      </c>
    </row>
    <row r="113" spans="1:2" x14ac:dyDescent="0.2">
      <c r="A113" s="52" t="s">
        <v>397</v>
      </c>
      <c r="B113" s="55" t="s">
        <v>398</v>
      </c>
    </row>
    <row r="114" spans="1:2" x14ac:dyDescent="0.2">
      <c r="A114" s="52" t="s">
        <v>399</v>
      </c>
      <c r="B114" s="55" t="s">
        <v>400</v>
      </c>
    </row>
    <row r="115" spans="1:2" x14ac:dyDescent="0.2">
      <c r="A115" s="52" t="s">
        <v>401</v>
      </c>
      <c r="B115" s="52" t="s">
        <v>2157</v>
      </c>
    </row>
    <row r="116" spans="1:2" x14ac:dyDescent="0.2">
      <c r="A116" s="52" t="s">
        <v>402</v>
      </c>
      <c r="B116" s="55" t="s">
        <v>403</v>
      </c>
    </row>
    <row r="117" spans="1:2" x14ac:dyDescent="0.2">
      <c r="A117" s="52" t="s">
        <v>404</v>
      </c>
      <c r="B117" s="55" t="s">
        <v>405</v>
      </c>
    </row>
    <row r="118" spans="1:2" x14ac:dyDescent="0.2">
      <c r="A118" s="52" t="s">
        <v>406</v>
      </c>
      <c r="B118" s="55" t="s">
        <v>407</v>
      </c>
    </row>
    <row r="119" spans="1:2" x14ac:dyDescent="0.2">
      <c r="A119" s="52" t="s">
        <v>408</v>
      </c>
      <c r="B119" s="55" t="s">
        <v>409</v>
      </c>
    </row>
    <row r="120" spans="1:2" x14ac:dyDescent="0.2">
      <c r="A120" s="52" t="s">
        <v>410</v>
      </c>
      <c r="B120" s="55" t="s">
        <v>411</v>
      </c>
    </row>
    <row r="121" spans="1:2" x14ac:dyDescent="0.2">
      <c r="A121" s="52" t="s">
        <v>412</v>
      </c>
      <c r="B121" s="55" t="s">
        <v>413</v>
      </c>
    </row>
    <row r="122" spans="1:2" x14ac:dyDescent="0.2">
      <c r="A122" s="52" t="s">
        <v>414</v>
      </c>
      <c r="B122" s="55" t="s">
        <v>415</v>
      </c>
    </row>
    <row r="123" spans="1:2" x14ac:dyDescent="0.2">
      <c r="A123" s="52" t="s">
        <v>416</v>
      </c>
      <c r="B123" s="55" t="s">
        <v>417</v>
      </c>
    </row>
    <row r="124" spans="1:2" x14ac:dyDescent="0.2">
      <c r="A124" s="52" t="s">
        <v>418</v>
      </c>
      <c r="B124" s="55" t="s">
        <v>419</v>
      </c>
    </row>
    <row r="125" spans="1:2" x14ac:dyDescent="0.2">
      <c r="A125" s="52" t="s">
        <v>420</v>
      </c>
      <c r="B125" s="55" t="s">
        <v>421</v>
      </c>
    </row>
    <row r="126" spans="1:2" x14ac:dyDescent="0.2">
      <c r="A126" s="52" t="s">
        <v>427</v>
      </c>
      <c r="B126" s="55" t="s">
        <v>1417</v>
      </c>
    </row>
    <row r="127" spans="1:2" x14ac:dyDescent="0.2">
      <c r="A127" s="52" t="s">
        <v>661</v>
      </c>
      <c r="B127" s="55" t="s">
        <v>1418</v>
      </c>
    </row>
    <row r="128" spans="1:2" x14ac:dyDescent="0.2">
      <c r="A128" s="52" t="s">
        <v>428</v>
      </c>
      <c r="B128" s="55" t="s">
        <v>429</v>
      </c>
    </row>
    <row r="129" spans="1:2" x14ac:dyDescent="0.2">
      <c r="A129" s="52" t="s">
        <v>422</v>
      </c>
      <c r="B129" s="55" t="s">
        <v>1419</v>
      </c>
    </row>
    <row r="130" spans="1:2" x14ac:dyDescent="0.2">
      <c r="A130" s="52" t="s">
        <v>423</v>
      </c>
      <c r="B130" s="55" t="s">
        <v>424</v>
      </c>
    </row>
    <row r="131" spans="1:2" x14ac:dyDescent="0.2">
      <c r="A131" s="52" t="s">
        <v>430</v>
      </c>
      <c r="B131" s="55" t="s">
        <v>431</v>
      </c>
    </row>
    <row r="132" spans="1:2" x14ac:dyDescent="0.2">
      <c r="A132" s="52" t="s">
        <v>432</v>
      </c>
      <c r="B132" s="55" t="s">
        <v>433</v>
      </c>
    </row>
    <row r="133" spans="1:2" x14ac:dyDescent="0.2">
      <c r="A133" s="52" t="s">
        <v>434</v>
      </c>
      <c r="B133" s="55" t="s">
        <v>435</v>
      </c>
    </row>
    <row r="134" spans="1:2" x14ac:dyDescent="0.2">
      <c r="A134" s="52" t="s">
        <v>436</v>
      </c>
      <c r="B134" s="55" t="s">
        <v>437</v>
      </c>
    </row>
    <row r="135" spans="1:2" x14ac:dyDescent="0.2">
      <c r="A135" s="52" t="s">
        <v>438</v>
      </c>
      <c r="B135" s="55" t="s">
        <v>439</v>
      </c>
    </row>
    <row r="136" spans="1:2" x14ac:dyDescent="0.2">
      <c r="A136" s="52" t="s">
        <v>425</v>
      </c>
      <c r="B136" s="55" t="s">
        <v>426</v>
      </c>
    </row>
    <row r="137" spans="1:2" x14ac:dyDescent="0.2">
      <c r="A137" s="52" t="s">
        <v>440</v>
      </c>
      <c r="B137" s="55" t="s">
        <v>441</v>
      </c>
    </row>
    <row r="138" spans="1:2" x14ac:dyDescent="0.2">
      <c r="A138" s="52" t="s">
        <v>442</v>
      </c>
      <c r="B138" s="55" t="s">
        <v>443</v>
      </c>
    </row>
    <row r="139" spans="1:2" x14ac:dyDescent="0.2">
      <c r="A139" s="52" t="s">
        <v>444</v>
      </c>
      <c r="B139" s="55" t="s">
        <v>445</v>
      </c>
    </row>
    <row r="140" spans="1:2" x14ac:dyDescent="0.2">
      <c r="A140" s="52" t="s">
        <v>446</v>
      </c>
      <c r="B140" s="55" t="s">
        <v>447</v>
      </c>
    </row>
    <row r="141" spans="1:2" x14ac:dyDescent="0.2">
      <c r="A141" s="52" t="s">
        <v>448</v>
      </c>
      <c r="B141" s="55" t="s">
        <v>449</v>
      </c>
    </row>
    <row r="142" spans="1:2" x14ac:dyDescent="0.2">
      <c r="A142" s="52" t="s">
        <v>450</v>
      </c>
      <c r="B142" s="52" t="s">
        <v>2158</v>
      </c>
    </row>
    <row r="143" spans="1:2" x14ac:dyDescent="0.2">
      <c r="A143" s="52" t="s">
        <v>451</v>
      </c>
      <c r="B143" s="55" t="s">
        <v>452</v>
      </c>
    </row>
    <row r="144" spans="1:2" x14ac:dyDescent="0.2">
      <c r="A144" s="52" t="s">
        <v>453</v>
      </c>
      <c r="B144" s="55" t="s">
        <v>454</v>
      </c>
    </row>
    <row r="145" spans="1:2" x14ac:dyDescent="0.2">
      <c r="A145" s="52" t="s">
        <v>455</v>
      </c>
      <c r="B145" s="55" t="s">
        <v>456</v>
      </c>
    </row>
    <row r="146" spans="1:2" x14ac:dyDescent="0.2">
      <c r="A146" s="52" t="s">
        <v>457</v>
      </c>
      <c r="B146" s="55" t="s">
        <v>458</v>
      </c>
    </row>
    <row r="147" spans="1:2" x14ac:dyDescent="0.2">
      <c r="A147" s="52" t="s">
        <v>459</v>
      </c>
      <c r="B147" s="55" t="s">
        <v>460</v>
      </c>
    </row>
    <row r="148" spans="1:2" x14ac:dyDescent="0.2">
      <c r="A148" s="52" t="s">
        <v>461</v>
      </c>
      <c r="B148" s="55" t="s">
        <v>462</v>
      </c>
    </row>
    <row r="149" spans="1:2" x14ac:dyDescent="0.2">
      <c r="A149" s="52" t="s">
        <v>463</v>
      </c>
      <c r="B149" s="55" t="s">
        <v>464</v>
      </c>
    </row>
    <row r="150" spans="1:2" x14ac:dyDescent="0.2">
      <c r="A150" s="52" t="s">
        <v>465</v>
      </c>
      <c r="B150" s="55" t="s">
        <v>466</v>
      </c>
    </row>
    <row r="151" spans="1:2" x14ac:dyDescent="0.2">
      <c r="A151" s="52" t="s">
        <v>467</v>
      </c>
      <c r="B151" s="55" t="s">
        <v>468</v>
      </c>
    </row>
    <row r="152" spans="1:2" x14ac:dyDescent="0.2">
      <c r="A152" s="52" t="s">
        <v>469</v>
      </c>
      <c r="B152" s="55" t="s">
        <v>470</v>
      </c>
    </row>
    <row r="153" spans="1:2" x14ac:dyDescent="0.2">
      <c r="A153" s="52" t="s">
        <v>471</v>
      </c>
      <c r="B153" s="55" t="s">
        <v>472</v>
      </c>
    </row>
    <row r="154" spans="1:2" x14ac:dyDescent="0.2">
      <c r="A154" s="52" t="s">
        <v>473</v>
      </c>
      <c r="B154" s="55" t="s">
        <v>474</v>
      </c>
    </row>
    <row r="155" spans="1:2" x14ac:dyDescent="0.2">
      <c r="A155" s="52" t="s">
        <v>475</v>
      </c>
      <c r="B155" s="55" t="s">
        <v>476</v>
      </c>
    </row>
    <row r="156" spans="1:2" x14ac:dyDescent="0.2">
      <c r="A156" s="52" t="s">
        <v>477</v>
      </c>
      <c r="B156" s="55" t="s">
        <v>478</v>
      </c>
    </row>
    <row r="157" spans="1:2" x14ac:dyDescent="0.2">
      <c r="A157" s="52" t="s">
        <v>479</v>
      </c>
      <c r="B157" s="55" t="s">
        <v>480</v>
      </c>
    </row>
    <row r="158" spans="1:2" x14ac:dyDescent="0.2">
      <c r="A158" s="52" t="s">
        <v>481</v>
      </c>
      <c r="B158" s="55" t="s">
        <v>482</v>
      </c>
    </row>
    <row r="159" spans="1:2" x14ac:dyDescent="0.2">
      <c r="A159" s="52" t="s">
        <v>483</v>
      </c>
      <c r="B159" s="55" t="s">
        <v>484</v>
      </c>
    </row>
    <row r="160" spans="1:2" x14ac:dyDescent="0.2">
      <c r="A160" s="52" t="s">
        <v>485</v>
      </c>
      <c r="B160" s="55" t="s">
        <v>486</v>
      </c>
    </row>
    <row r="161" spans="1:2" x14ac:dyDescent="0.2">
      <c r="A161" s="52" t="s">
        <v>487</v>
      </c>
      <c r="B161" s="52" t="s">
        <v>2159</v>
      </c>
    </row>
    <row r="162" spans="1:2" x14ac:dyDescent="0.2">
      <c r="A162" s="52" t="s">
        <v>488</v>
      </c>
      <c r="B162" s="55" t="s">
        <v>489</v>
      </c>
    </row>
    <row r="163" spans="1:2" x14ac:dyDescent="0.2">
      <c r="A163" s="52" t="s">
        <v>490</v>
      </c>
      <c r="B163" s="55" t="s">
        <v>491</v>
      </c>
    </row>
    <row r="164" spans="1:2" x14ac:dyDescent="0.2">
      <c r="A164" s="52" t="s">
        <v>492</v>
      </c>
      <c r="B164" s="55" t="s">
        <v>493</v>
      </c>
    </row>
    <row r="165" spans="1:2" x14ac:dyDescent="0.2">
      <c r="A165" s="52" t="s">
        <v>494</v>
      </c>
      <c r="B165" s="55" t="s">
        <v>495</v>
      </c>
    </row>
    <row r="166" spans="1:2" x14ac:dyDescent="0.2">
      <c r="A166" s="52" t="s">
        <v>496</v>
      </c>
      <c r="B166" s="55" t="s">
        <v>497</v>
      </c>
    </row>
    <row r="167" spans="1:2" x14ac:dyDescent="0.2">
      <c r="A167" s="52" t="s">
        <v>498</v>
      </c>
      <c r="B167" s="55" t="s">
        <v>499</v>
      </c>
    </row>
    <row r="168" spans="1:2" x14ac:dyDescent="0.2">
      <c r="A168" s="52" t="s">
        <v>500</v>
      </c>
      <c r="B168" s="55" t="s">
        <v>501</v>
      </c>
    </row>
    <row r="169" spans="1:2" x14ac:dyDescent="0.2">
      <c r="A169" s="52" t="s">
        <v>502</v>
      </c>
      <c r="B169" s="55" t="s">
        <v>503</v>
      </c>
    </row>
    <row r="170" spans="1:2" x14ac:dyDescent="0.2">
      <c r="A170" s="52" t="s">
        <v>504</v>
      </c>
      <c r="B170" s="55" t="s">
        <v>505</v>
      </c>
    </row>
    <row r="171" spans="1:2" x14ac:dyDescent="0.2">
      <c r="A171" s="52" t="s">
        <v>506</v>
      </c>
      <c r="B171" s="55" t="s">
        <v>507</v>
      </c>
    </row>
    <row r="172" spans="1:2" x14ac:dyDescent="0.2">
      <c r="A172" s="52" t="s">
        <v>508</v>
      </c>
      <c r="B172" s="55" t="s">
        <v>509</v>
      </c>
    </row>
    <row r="173" spans="1:2" x14ac:dyDescent="0.2">
      <c r="A173" s="52" t="s">
        <v>510</v>
      </c>
      <c r="B173" s="55" t="s">
        <v>511</v>
      </c>
    </row>
    <row r="174" spans="1:2" x14ac:dyDescent="0.2">
      <c r="A174" s="52" t="s">
        <v>512</v>
      </c>
      <c r="B174" s="55" t="s">
        <v>513</v>
      </c>
    </row>
    <row r="175" spans="1:2" x14ac:dyDescent="0.2">
      <c r="A175" s="52" t="s">
        <v>514</v>
      </c>
      <c r="B175" s="55" t="s">
        <v>515</v>
      </c>
    </row>
    <row r="176" spans="1:2" x14ac:dyDescent="0.2">
      <c r="A176" s="52" t="s">
        <v>516</v>
      </c>
      <c r="B176" s="55" t="s">
        <v>517</v>
      </c>
    </row>
    <row r="177" spans="1:2" x14ac:dyDescent="0.2">
      <c r="A177" s="52" t="s">
        <v>518</v>
      </c>
      <c r="B177" s="55" t="s">
        <v>519</v>
      </c>
    </row>
    <row r="178" spans="1:2" x14ac:dyDescent="0.2">
      <c r="A178" s="52" t="s">
        <v>520</v>
      </c>
      <c r="B178" s="55" t="s">
        <v>521</v>
      </c>
    </row>
    <row r="179" spans="1:2" x14ac:dyDescent="0.2">
      <c r="A179" s="52" t="s">
        <v>522</v>
      </c>
      <c r="B179" s="55" t="s">
        <v>523</v>
      </c>
    </row>
    <row r="180" spans="1:2" x14ac:dyDescent="0.2">
      <c r="A180" s="52" t="s">
        <v>524</v>
      </c>
      <c r="B180" s="55" t="s">
        <v>525</v>
      </c>
    </row>
    <row r="181" spans="1:2" x14ac:dyDescent="0.2">
      <c r="A181" s="52" t="s">
        <v>526</v>
      </c>
      <c r="B181" s="55" t="s">
        <v>527</v>
      </c>
    </row>
    <row r="182" spans="1:2" x14ac:dyDescent="0.2">
      <c r="A182" s="52" t="s">
        <v>528</v>
      </c>
      <c r="B182" s="55" t="s">
        <v>529</v>
      </c>
    </row>
    <row r="183" spans="1:2" x14ac:dyDescent="0.2">
      <c r="A183" s="52" t="s">
        <v>530</v>
      </c>
      <c r="B183" s="55" t="s">
        <v>1420</v>
      </c>
    </row>
    <row r="184" spans="1:2" x14ac:dyDescent="0.2">
      <c r="A184" s="52" t="s">
        <v>531</v>
      </c>
      <c r="B184" s="55" t="s">
        <v>532</v>
      </c>
    </row>
    <row r="185" spans="1:2" x14ac:dyDescent="0.2">
      <c r="A185" s="52" t="s">
        <v>533</v>
      </c>
      <c r="B185" s="55" t="s">
        <v>534</v>
      </c>
    </row>
    <row r="186" spans="1:2" x14ac:dyDescent="0.2">
      <c r="A186" s="52" t="s">
        <v>535</v>
      </c>
      <c r="B186" s="55" t="s">
        <v>536</v>
      </c>
    </row>
    <row r="187" spans="1:2" x14ac:dyDescent="0.2">
      <c r="A187" s="52" t="s">
        <v>537</v>
      </c>
      <c r="B187" s="55" t="s">
        <v>538</v>
      </c>
    </row>
    <row r="188" spans="1:2" x14ac:dyDescent="0.2">
      <c r="A188" s="52" t="s">
        <v>539</v>
      </c>
      <c r="B188" s="55" t="s">
        <v>540</v>
      </c>
    </row>
    <row r="189" spans="1:2" x14ac:dyDescent="0.2">
      <c r="A189" s="52" t="s">
        <v>541</v>
      </c>
      <c r="B189" s="55" t="s">
        <v>542</v>
      </c>
    </row>
    <row r="190" spans="1:2" x14ac:dyDescent="0.2">
      <c r="A190" s="52" t="s">
        <v>543</v>
      </c>
      <c r="B190" s="55" t="s">
        <v>544</v>
      </c>
    </row>
    <row r="191" spans="1:2" x14ac:dyDescent="0.2">
      <c r="A191" s="52" t="s">
        <v>545</v>
      </c>
      <c r="B191" s="55" t="s">
        <v>546</v>
      </c>
    </row>
    <row r="192" spans="1:2" x14ac:dyDescent="0.2">
      <c r="A192" s="52" t="s">
        <v>547</v>
      </c>
      <c r="B192" s="55" t="s">
        <v>548</v>
      </c>
    </row>
    <row r="193" spans="1:2" x14ac:dyDescent="0.2">
      <c r="A193" s="52" t="s">
        <v>549</v>
      </c>
      <c r="B193" s="55" t="s">
        <v>550</v>
      </c>
    </row>
    <row r="194" spans="1:2" x14ac:dyDescent="0.2">
      <c r="A194" s="52" t="s">
        <v>551</v>
      </c>
      <c r="B194" s="55" t="s">
        <v>552</v>
      </c>
    </row>
    <row r="195" spans="1:2" x14ac:dyDescent="0.2">
      <c r="A195" s="52" t="s">
        <v>553</v>
      </c>
      <c r="B195" s="55" t="s">
        <v>554</v>
      </c>
    </row>
    <row r="196" spans="1:2" x14ac:dyDescent="0.2">
      <c r="A196" s="52" t="s">
        <v>555</v>
      </c>
      <c r="B196" s="55" t="s">
        <v>556</v>
      </c>
    </row>
    <row r="197" spans="1:2" x14ac:dyDescent="0.2">
      <c r="A197" s="52" t="s">
        <v>557</v>
      </c>
      <c r="B197" s="55" t="s">
        <v>558</v>
      </c>
    </row>
    <row r="198" spans="1:2" x14ac:dyDescent="0.2">
      <c r="A198" s="52" t="s">
        <v>559</v>
      </c>
      <c r="B198" s="55" t="s">
        <v>560</v>
      </c>
    </row>
    <row r="199" spans="1:2" x14ac:dyDescent="0.2">
      <c r="A199" s="52" t="s">
        <v>561</v>
      </c>
      <c r="B199" s="55" t="s">
        <v>562</v>
      </c>
    </row>
    <row r="200" spans="1:2" x14ac:dyDescent="0.2">
      <c r="A200" s="52" t="s">
        <v>563</v>
      </c>
      <c r="B200" s="55" t="s">
        <v>564</v>
      </c>
    </row>
    <row r="201" spans="1:2" x14ac:dyDescent="0.2">
      <c r="A201" s="52" t="s">
        <v>565</v>
      </c>
      <c r="B201" s="55" t="s">
        <v>566</v>
      </c>
    </row>
    <row r="202" spans="1:2" x14ac:dyDescent="0.2">
      <c r="A202" s="52" t="s">
        <v>567</v>
      </c>
      <c r="B202" s="55" t="s">
        <v>568</v>
      </c>
    </row>
    <row r="203" spans="1:2" x14ac:dyDescent="0.2">
      <c r="A203" s="52" t="s">
        <v>569</v>
      </c>
      <c r="B203" s="55" t="s">
        <v>570</v>
      </c>
    </row>
    <row r="204" spans="1:2" x14ac:dyDescent="0.2">
      <c r="A204" s="52" t="s">
        <v>571</v>
      </c>
      <c r="B204" s="55" t="s">
        <v>572</v>
      </c>
    </row>
    <row r="205" spans="1:2" x14ac:dyDescent="0.2">
      <c r="A205" s="52" t="s">
        <v>573</v>
      </c>
      <c r="B205" s="55" t="s">
        <v>574</v>
      </c>
    </row>
    <row r="206" spans="1:2" x14ac:dyDescent="0.2">
      <c r="A206" s="52" t="s">
        <v>575</v>
      </c>
      <c r="B206" s="55" t="s">
        <v>576</v>
      </c>
    </row>
    <row r="207" spans="1:2" x14ac:dyDescent="0.2">
      <c r="A207" s="52" t="s">
        <v>577</v>
      </c>
      <c r="B207" s="52" t="s">
        <v>2160</v>
      </c>
    </row>
    <row r="208" spans="1:2" x14ac:dyDescent="0.2">
      <c r="A208" s="52" t="s">
        <v>578</v>
      </c>
      <c r="B208" s="55" t="s">
        <v>579</v>
      </c>
    </row>
    <row r="209" spans="1:2" x14ac:dyDescent="0.2">
      <c r="A209" s="52" t="s">
        <v>580</v>
      </c>
      <c r="B209" s="55" t="s">
        <v>558</v>
      </c>
    </row>
    <row r="210" spans="1:2" x14ac:dyDescent="0.2">
      <c r="A210" s="52" t="s">
        <v>581</v>
      </c>
      <c r="B210" s="55" t="s">
        <v>582</v>
      </c>
    </row>
    <row r="211" spans="1:2" x14ac:dyDescent="0.2">
      <c r="A211" s="52" t="s">
        <v>583</v>
      </c>
      <c r="B211" s="55" t="s">
        <v>584</v>
      </c>
    </row>
    <row r="212" spans="1:2" x14ac:dyDescent="0.2">
      <c r="A212" s="52" t="s">
        <v>585</v>
      </c>
      <c r="B212" s="55" t="s">
        <v>586</v>
      </c>
    </row>
    <row r="213" spans="1:2" x14ac:dyDescent="0.2">
      <c r="A213" s="52" t="s">
        <v>587</v>
      </c>
      <c r="B213" s="55" t="s">
        <v>588</v>
      </c>
    </row>
    <row r="214" spans="1:2" x14ac:dyDescent="0.2">
      <c r="A214" s="52" t="s">
        <v>589</v>
      </c>
      <c r="B214" s="55" t="s">
        <v>590</v>
      </c>
    </row>
    <row r="215" spans="1:2" x14ac:dyDescent="0.2">
      <c r="A215" s="52" t="s">
        <v>591</v>
      </c>
      <c r="B215" s="55" t="s">
        <v>592</v>
      </c>
    </row>
    <row r="216" spans="1:2" x14ac:dyDescent="0.2">
      <c r="A216" s="52" t="s">
        <v>593</v>
      </c>
      <c r="B216" s="55" t="s">
        <v>594</v>
      </c>
    </row>
    <row r="217" spans="1:2" x14ac:dyDescent="0.2">
      <c r="A217" s="52" t="s">
        <v>595</v>
      </c>
      <c r="B217" s="55" t="s">
        <v>596</v>
      </c>
    </row>
    <row r="218" spans="1:2" x14ac:dyDescent="0.2">
      <c r="A218" s="52" t="s">
        <v>597</v>
      </c>
      <c r="B218" s="55" t="s">
        <v>598</v>
      </c>
    </row>
    <row r="219" spans="1:2" x14ac:dyDescent="0.2">
      <c r="A219" s="52" t="s">
        <v>599</v>
      </c>
      <c r="B219" s="55" t="s">
        <v>600</v>
      </c>
    </row>
    <row r="220" spans="1:2" x14ac:dyDescent="0.2">
      <c r="A220" s="52" t="s">
        <v>601</v>
      </c>
      <c r="B220" s="55" t="s">
        <v>602</v>
      </c>
    </row>
    <row r="221" spans="1:2" x14ac:dyDescent="0.2">
      <c r="A221" s="52" t="s">
        <v>603</v>
      </c>
      <c r="B221" s="55" t="s">
        <v>604</v>
      </c>
    </row>
    <row r="222" spans="1:2" x14ac:dyDescent="0.2">
      <c r="A222" s="52" t="s">
        <v>605</v>
      </c>
      <c r="B222" s="55" t="s">
        <v>606</v>
      </c>
    </row>
    <row r="223" spans="1:2" x14ac:dyDescent="0.2">
      <c r="A223" s="52" t="s">
        <v>607</v>
      </c>
      <c r="B223" s="55" t="s">
        <v>608</v>
      </c>
    </row>
    <row r="224" spans="1:2" x14ac:dyDescent="0.2">
      <c r="A224" s="52" t="s">
        <v>609</v>
      </c>
      <c r="B224" s="55" t="s">
        <v>610</v>
      </c>
    </row>
    <row r="225" spans="1:2" x14ac:dyDescent="0.2">
      <c r="A225" s="52" t="s">
        <v>611</v>
      </c>
      <c r="B225" s="55" t="s">
        <v>612</v>
      </c>
    </row>
    <row r="226" spans="1:2" x14ac:dyDescent="0.2">
      <c r="A226" s="52" t="s">
        <v>613</v>
      </c>
      <c r="B226" s="55" t="s">
        <v>614</v>
      </c>
    </row>
    <row r="227" spans="1:2" x14ac:dyDescent="0.2">
      <c r="A227" s="52" t="s">
        <v>615</v>
      </c>
      <c r="B227" s="55" t="s">
        <v>616</v>
      </c>
    </row>
    <row r="228" spans="1:2" x14ac:dyDescent="0.2">
      <c r="A228" s="52" t="s">
        <v>617</v>
      </c>
      <c r="B228" s="55" t="s">
        <v>618</v>
      </c>
    </row>
    <row r="229" spans="1:2" x14ac:dyDescent="0.2">
      <c r="A229" s="52" t="s">
        <v>619</v>
      </c>
      <c r="B229" s="55" t="s">
        <v>620</v>
      </c>
    </row>
    <row r="230" spans="1:2" x14ac:dyDescent="0.2">
      <c r="A230" s="52" t="s">
        <v>621</v>
      </c>
      <c r="B230" s="55" t="s">
        <v>622</v>
      </c>
    </row>
    <row r="231" spans="1:2" x14ac:dyDescent="0.2">
      <c r="A231" s="52" t="s">
        <v>623</v>
      </c>
      <c r="B231" s="55" t="s">
        <v>624</v>
      </c>
    </row>
    <row r="232" spans="1:2" x14ac:dyDescent="0.2">
      <c r="A232" s="52" t="s">
        <v>625</v>
      </c>
      <c r="B232" s="55" t="s">
        <v>626</v>
      </c>
    </row>
    <row r="233" spans="1:2" x14ac:dyDescent="0.2">
      <c r="A233" s="52" t="s">
        <v>627</v>
      </c>
      <c r="B233" s="55" t="s">
        <v>628</v>
      </c>
    </row>
    <row r="234" spans="1:2" x14ac:dyDescent="0.2">
      <c r="A234" s="52" t="s">
        <v>629</v>
      </c>
      <c r="B234" s="55" t="s">
        <v>630</v>
      </c>
    </row>
    <row r="235" spans="1:2" x14ac:dyDescent="0.2">
      <c r="A235" s="52" t="s">
        <v>631</v>
      </c>
      <c r="B235" s="55" t="s">
        <v>1421</v>
      </c>
    </row>
    <row r="236" spans="1:2" x14ac:dyDescent="0.2">
      <c r="A236" s="52" t="s">
        <v>632</v>
      </c>
      <c r="B236" s="55" t="s">
        <v>633</v>
      </c>
    </row>
    <row r="237" spans="1:2" x14ac:dyDescent="0.2">
      <c r="A237" s="52" t="s">
        <v>634</v>
      </c>
      <c r="B237" s="55" t="s">
        <v>635</v>
      </c>
    </row>
    <row r="238" spans="1:2" x14ac:dyDescent="0.2">
      <c r="A238" s="52" t="s">
        <v>636</v>
      </c>
      <c r="B238" s="55" t="s">
        <v>637</v>
      </c>
    </row>
    <row r="239" spans="1:2" x14ac:dyDescent="0.2">
      <c r="A239" s="52" t="s">
        <v>638</v>
      </c>
      <c r="B239" s="55" t="s">
        <v>639</v>
      </c>
    </row>
    <row r="240" spans="1:2" x14ac:dyDescent="0.2">
      <c r="A240" s="52" t="s">
        <v>662</v>
      </c>
      <c r="B240" s="52" t="s">
        <v>2161</v>
      </c>
    </row>
    <row r="241" spans="1:2" x14ac:dyDescent="0.2">
      <c r="A241" s="52" t="s">
        <v>663</v>
      </c>
      <c r="B241" s="55" t="s">
        <v>1422</v>
      </c>
    </row>
    <row r="242" spans="1:2" x14ac:dyDescent="0.2">
      <c r="A242" s="52" t="s">
        <v>664</v>
      </c>
      <c r="B242" s="55" t="s">
        <v>579</v>
      </c>
    </row>
    <row r="243" spans="1:2" x14ac:dyDescent="0.2">
      <c r="A243" s="52" t="s">
        <v>665</v>
      </c>
      <c r="B243" s="55" t="s">
        <v>1423</v>
      </c>
    </row>
    <row r="244" spans="1:2" x14ac:dyDescent="0.2">
      <c r="A244" s="52" t="s">
        <v>666</v>
      </c>
      <c r="B244" s="55" t="s">
        <v>1424</v>
      </c>
    </row>
    <row r="245" spans="1:2" x14ac:dyDescent="0.2">
      <c r="A245" s="52" t="s">
        <v>667</v>
      </c>
      <c r="B245" s="55" t="s">
        <v>1425</v>
      </c>
    </row>
    <row r="246" spans="1:2" x14ac:dyDescent="0.2">
      <c r="A246" s="52" t="s">
        <v>668</v>
      </c>
      <c r="B246" s="55" t="s">
        <v>1426</v>
      </c>
    </row>
    <row r="247" spans="1:2" x14ac:dyDescent="0.2">
      <c r="A247" s="52" t="s">
        <v>669</v>
      </c>
      <c r="B247" s="55" t="s">
        <v>1427</v>
      </c>
    </row>
    <row r="248" spans="1:2" x14ac:dyDescent="0.2">
      <c r="A248" s="52" t="s">
        <v>670</v>
      </c>
      <c r="B248" s="55" t="s">
        <v>1428</v>
      </c>
    </row>
    <row r="249" spans="1:2" x14ac:dyDescent="0.2">
      <c r="A249" s="52" t="s">
        <v>671</v>
      </c>
      <c r="B249" s="55" t="s">
        <v>1429</v>
      </c>
    </row>
    <row r="250" spans="1:2" x14ac:dyDescent="0.2">
      <c r="A250" s="52" t="s">
        <v>672</v>
      </c>
      <c r="B250" s="55" t="s">
        <v>1430</v>
      </c>
    </row>
    <row r="251" spans="1:2" x14ac:dyDescent="0.2">
      <c r="A251" s="52" t="s">
        <v>673</v>
      </c>
      <c r="B251" s="55" t="s">
        <v>1431</v>
      </c>
    </row>
    <row r="252" spans="1:2" x14ac:dyDescent="0.2">
      <c r="A252" s="52" t="s">
        <v>674</v>
      </c>
      <c r="B252" s="55" t="s">
        <v>1432</v>
      </c>
    </row>
    <row r="253" spans="1:2" x14ac:dyDescent="0.2">
      <c r="A253" s="52" t="s">
        <v>675</v>
      </c>
      <c r="B253" s="55" t="s">
        <v>1433</v>
      </c>
    </row>
    <row r="254" spans="1:2" x14ac:dyDescent="0.2">
      <c r="A254" s="52" t="s">
        <v>676</v>
      </c>
      <c r="B254" s="55" t="s">
        <v>1434</v>
      </c>
    </row>
    <row r="255" spans="1:2" x14ac:dyDescent="0.2">
      <c r="A255" s="52" t="s">
        <v>677</v>
      </c>
      <c r="B255" s="55" t="s">
        <v>1435</v>
      </c>
    </row>
    <row r="256" spans="1:2" x14ac:dyDescent="0.2">
      <c r="A256" s="52" t="s">
        <v>678</v>
      </c>
      <c r="B256" s="55" t="s">
        <v>1436</v>
      </c>
    </row>
    <row r="257" spans="1:2" x14ac:dyDescent="0.2">
      <c r="A257" s="52" t="s">
        <v>679</v>
      </c>
      <c r="B257" s="55" t="s">
        <v>1437</v>
      </c>
    </row>
    <row r="258" spans="1:2" x14ac:dyDescent="0.2">
      <c r="A258" s="52" t="s">
        <v>680</v>
      </c>
      <c r="B258" s="55" t="s">
        <v>1438</v>
      </c>
    </row>
    <row r="259" spans="1:2" x14ac:dyDescent="0.2">
      <c r="A259" s="52" t="s">
        <v>681</v>
      </c>
      <c r="B259" s="55" t="s">
        <v>1439</v>
      </c>
    </row>
    <row r="260" spans="1:2" x14ac:dyDescent="0.2">
      <c r="A260" s="52" t="s">
        <v>682</v>
      </c>
      <c r="B260" s="55" t="s">
        <v>1440</v>
      </c>
    </row>
    <row r="261" spans="1:2" x14ac:dyDescent="0.2">
      <c r="A261" s="52" t="s">
        <v>683</v>
      </c>
      <c r="B261" s="55" t="s">
        <v>1441</v>
      </c>
    </row>
    <row r="262" spans="1:2" x14ac:dyDescent="0.2">
      <c r="A262" s="52" t="s">
        <v>684</v>
      </c>
      <c r="B262" s="55" t="s">
        <v>1442</v>
      </c>
    </row>
    <row r="263" spans="1:2" x14ac:dyDescent="0.2">
      <c r="A263" s="52" t="s">
        <v>685</v>
      </c>
      <c r="B263" s="55" t="s">
        <v>1443</v>
      </c>
    </row>
    <row r="264" spans="1:2" x14ac:dyDescent="0.2">
      <c r="A264" s="52" t="s">
        <v>686</v>
      </c>
      <c r="B264" s="55" t="s">
        <v>1444</v>
      </c>
    </row>
    <row r="265" spans="1:2" x14ac:dyDescent="0.2">
      <c r="A265" s="52" t="s">
        <v>687</v>
      </c>
      <c r="B265" s="55" t="s">
        <v>1445</v>
      </c>
    </row>
    <row r="266" spans="1:2" x14ac:dyDescent="0.2">
      <c r="A266" s="52" t="s">
        <v>688</v>
      </c>
      <c r="B266" s="55" t="s">
        <v>1446</v>
      </c>
    </row>
    <row r="267" spans="1:2" x14ac:dyDescent="0.2">
      <c r="A267" s="52" t="s">
        <v>689</v>
      </c>
      <c r="B267" s="55" t="s">
        <v>1447</v>
      </c>
    </row>
    <row r="268" spans="1:2" x14ac:dyDescent="0.2">
      <c r="A268" s="52" t="s">
        <v>690</v>
      </c>
      <c r="B268" s="55" t="s">
        <v>1448</v>
      </c>
    </row>
    <row r="269" spans="1:2" x14ac:dyDescent="0.2">
      <c r="A269" s="52" t="s">
        <v>691</v>
      </c>
      <c r="B269" s="55" t="s">
        <v>1449</v>
      </c>
    </row>
    <row r="270" spans="1:2" x14ac:dyDescent="0.2">
      <c r="A270" s="52" t="s">
        <v>692</v>
      </c>
      <c r="B270" s="55" t="s">
        <v>1450</v>
      </c>
    </row>
    <row r="271" spans="1:2" x14ac:dyDescent="0.2">
      <c r="A271" s="52" t="s">
        <v>693</v>
      </c>
      <c r="B271" s="55" t="s">
        <v>1451</v>
      </c>
    </row>
    <row r="272" spans="1:2" x14ac:dyDescent="0.2">
      <c r="A272" s="52" t="s">
        <v>694</v>
      </c>
      <c r="B272" s="55" t="s">
        <v>1452</v>
      </c>
    </row>
    <row r="273" spans="1:2" x14ac:dyDescent="0.2">
      <c r="A273" s="52" t="s">
        <v>695</v>
      </c>
      <c r="B273" s="55" t="s">
        <v>1453</v>
      </c>
    </row>
    <row r="274" spans="1:2" x14ac:dyDescent="0.2">
      <c r="A274" s="52" t="s">
        <v>696</v>
      </c>
      <c r="B274" s="55" t="s">
        <v>1454</v>
      </c>
    </row>
    <row r="275" spans="1:2" x14ac:dyDescent="0.2">
      <c r="A275" s="52" t="s">
        <v>697</v>
      </c>
      <c r="B275" s="55" t="s">
        <v>1455</v>
      </c>
    </row>
    <row r="276" spans="1:2" x14ac:dyDescent="0.2">
      <c r="A276" s="52" t="s">
        <v>698</v>
      </c>
      <c r="B276" s="55" t="s">
        <v>1456</v>
      </c>
    </row>
    <row r="277" spans="1:2" x14ac:dyDescent="0.2">
      <c r="A277" s="52" t="s">
        <v>699</v>
      </c>
      <c r="B277" s="55" t="s">
        <v>1457</v>
      </c>
    </row>
    <row r="278" spans="1:2" x14ac:dyDescent="0.2">
      <c r="A278" s="52" t="s">
        <v>700</v>
      </c>
      <c r="B278" s="55" t="s">
        <v>1458</v>
      </c>
    </row>
    <row r="279" spans="1:2" x14ac:dyDescent="0.2">
      <c r="A279" s="52" t="s">
        <v>701</v>
      </c>
      <c r="B279" s="55" t="s">
        <v>1459</v>
      </c>
    </row>
    <row r="280" spans="1:2" x14ac:dyDescent="0.2">
      <c r="A280" s="52" t="s">
        <v>702</v>
      </c>
      <c r="B280" s="55" t="s">
        <v>1460</v>
      </c>
    </row>
    <row r="281" spans="1:2" x14ac:dyDescent="0.2">
      <c r="A281" s="52" t="s">
        <v>703</v>
      </c>
      <c r="B281" s="55" t="s">
        <v>1461</v>
      </c>
    </row>
    <row r="282" spans="1:2" x14ac:dyDescent="0.2">
      <c r="A282" s="52" t="s">
        <v>704</v>
      </c>
      <c r="B282" s="55" t="s">
        <v>1462</v>
      </c>
    </row>
    <row r="283" spans="1:2" x14ac:dyDescent="0.2">
      <c r="A283" s="52" t="s">
        <v>705</v>
      </c>
      <c r="B283" s="55" t="s">
        <v>1463</v>
      </c>
    </row>
    <row r="284" spans="1:2" x14ac:dyDescent="0.2">
      <c r="A284" s="52" t="s">
        <v>706</v>
      </c>
      <c r="B284" s="55" t="s">
        <v>1464</v>
      </c>
    </row>
    <row r="285" spans="1:2" x14ac:dyDescent="0.2">
      <c r="A285" s="52" t="s">
        <v>707</v>
      </c>
      <c r="B285" s="55" t="s">
        <v>1465</v>
      </c>
    </row>
    <row r="286" spans="1:2" x14ac:dyDescent="0.2">
      <c r="A286" s="52" t="s">
        <v>708</v>
      </c>
      <c r="B286" s="55" t="s">
        <v>1466</v>
      </c>
    </row>
    <row r="287" spans="1:2" x14ac:dyDescent="0.2">
      <c r="A287" s="52" t="s">
        <v>709</v>
      </c>
      <c r="B287" s="55" t="s">
        <v>1467</v>
      </c>
    </row>
    <row r="288" spans="1:2" x14ac:dyDescent="0.2">
      <c r="A288" s="52" t="s">
        <v>710</v>
      </c>
      <c r="B288" s="55" t="s">
        <v>1468</v>
      </c>
    </row>
    <row r="289" spans="1:2" x14ac:dyDescent="0.2">
      <c r="A289" s="52" t="s">
        <v>711</v>
      </c>
      <c r="B289" s="55" t="s">
        <v>1469</v>
      </c>
    </row>
    <row r="290" spans="1:2" x14ac:dyDescent="0.2">
      <c r="A290" s="52" t="s">
        <v>712</v>
      </c>
      <c r="B290" s="55" t="s">
        <v>1470</v>
      </c>
    </row>
    <row r="291" spans="1:2" x14ac:dyDescent="0.2">
      <c r="A291" s="52" t="s">
        <v>713</v>
      </c>
      <c r="B291" s="55" t="s">
        <v>1471</v>
      </c>
    </row>
    <row r="292" spans="1:2" x14ac:dyDescent="0.2">
      <c r="A292" s="52" t="s">
        <v>714</v>
      </c>
      <c r="B292" s="55" t="s">
        <v>1472</v>
      </c>
    </row>
    <row r="293" spans="1:2" x14ac:dyDescent="0.2">
      <c r="A293" s="52" t="s">
        <v>715</v>
      </c>
      <c r="B293" s="55" t="s">
        <v>1473</v>
      </c>
    </row>
    <row r="294" spans="1:2" x14ac:dyDescent="0.2">
      <c r="A294" s="52" t="s">
        <v>716</v>
      </c>
      <c r="B294" s="55" t="s">
        <v>1474</v>
      </c>
    </row>
    <row r="295" spans="1:2" x14ac:dyDescent="0.2">
      <c r="A295" s="52" t="s">
        <v>717</v>
      </c>
      <c r="B295" s="55" t="s">
        <v>1475</v>
      </c>
    </row>
    <row r="296" spans="1:2" x14ac:dyDescent="0.2">
      <c r="A296" s="52" t="s">
        <v>718</v>
      </c>
      <c r="B296" s="55" t="s">
        <v>1476</v>
      </c>
    </row>
    <row r="297" spans="1:2" x14ac:dyDescent="0.2">
      <c r="A297" s="52" t="s">
        <v>719</v>
      </c>
      <c r="B297" s="55" t="s">
        <v>1477</v>
      </c>
    </row>
    <row r="298" spans="1:2" x14ac:dyDescent="0.2">
      <c r="A298" s="52" t="s">
        <v>720</v>
      </c>
      <c r="B298" s="55" t="s">
        <v>1478</v>
      </c>
    </row>
    <row r="299" spans="1:2" x14ac:dyDescent="0.2">
      <c r="A299" s="52" t="s">
        <v>721</v>
      </c>
      <c r="B299" s="55" t="s">
        <v>1479</v>
      </c>
    </row>
    <row r="300" spans="1:2" x14ac:dyDescent="0.2">
      <c r="A300" s="52" t="s">
        <v>722</v>
      </c>
      <c r="B300" s="55" t="s">
        <v>1480</v>
      </c>
    </row>
    <row r="301" spans="1:2" x14ac:dyDescent="0.2">
      <c r="A301" s="52" t="s">
        <v>723</v>
      </c>
      <c r="B301" s="55" t="s">
        <v>1481</v>
      </c>
    </row>
    <row r="302" spans="1:2" x14ac:dyDescent="0.2">
      <c r="A302" s="52" t="s">
        <v>724</v>
      </c>
      <c r="B302" s="55" t="s">
        <v>1482</v>
      </c>
    </row>
    <row r="303" spans="1:2" x14ac:dyDescent="0.2">
      <c r="A303" s="52" t="s">
        <v>725</v>
      </c>
      <c r="B303" s="55" t="s">
        <v>1483</v>
      </c>
    </row>
    <row r="304" spans="1:2" x14ac:dyDescent="0.2">
      <c r="A304" s="52" t="s">
        <v>726</v>
      </c>
      <c r="B304" s="55" t="s">
        <v>1484</v>
      </c>
    </row>
    <row r="305" spans="1:2" x14ac:dyDescent="0.2">
      <c r="A305" s="52" t="s">
        <v>727</v>
      </c>
      <c r="B305" s="55" t="s">
        <v>1485</v>
      </c>
    </row>
    <row r="306" spans="1:2" x14ac:dyDescent="0.2">
      <c r="A306" s="52" t="s">
        <v>728</v>
      </c>
      <c r="B306" s="55" t="s">
        <v>1486</v>
      </c>
    </row>
    <row r="307" spans="1:2" x14ac:dyDescent="0.2">
      <c r="A307" s="52" t="s">
        <v>729</v>
      </c>
      <c r="B307" s="55" t="s">
        <v>1487</v>
      </c>
    </row>
    <row r="308" spans="1:2" x14ac:dyDescent="0.2">
      <c r="A308" s="52" t="s">
        <v>730</v>
      </c>
      <c r="B308" s="55" t="s">
        <v>1488</v>
      </c>
    </row>
    <row r="309" spans="1:2" x14ac:dyDescent="0.2">
      <c r="A309" s="52" t="s">
        <v>731</v>
      </c>
      <c r="B309" s="55" t="s">
        <v>1489</v>
      </c>
    </row>
    <row r="310" spans="1:2" x14ac:dyDescent="0.2">
      <c r="A310" s="52" t="s">
        <v>732</v>
      </c>
      <c r="B310" s="55" t="s">
        <v>1490</v>
      </c>
    </row>
    <row r="311" spans="1:2" x14ac:dyDescent="0.2">
      <c r="A311" s="52" t="s">
        <v>733</v>
      </c>
      <c r="B311" s="55" t="s">
        <v>1491</v>
      </c>
    </row>
    <row r="312" spans="1:2" x14ac:dyDescent="0.2">
      <c r="A312" s="52" t="s">
        <v>734</v>
      </c>
      <c r="B312" s="55" t="s">
        <v>1492</v>
      </c>
    </row>
    <row r="313" spans="1:2" x14ac:dyDescent="0.2">
      <c r="A313" s="52" t="s">
        <v>735</v>
      </c>
      <c r="B313" s="55" t="s">
        <v>1493</v>
      </c>
    </row>
    <row r="314" spans="1:2" x14ac:dyDescent="0.2">
      <c r="A314" s="52" t="s">
        <v>736</v>
      </c>
      <c r="B314" s="55" t="s">
        <v>1494</v>
      </c>
    </row>
    <row r="315" spans="1:2" x14ac:dyDescent="0.2">
      <c r="A315" s="52" t="s">
        <v>737</v>
      </c>
      <c r="B315" s="55" t="s">
        <v>1495</v>
      </c>
    </row>
    <row r="316" spans="1:2" x14ac:dyDescent="0.2">
      <c r="A316" s="52" t="s">
        <v>738</v>
      </c>
      <c r="B316" s="55" t="s">
        <v>1496</v>
      </c>
    </row>
    <row r="317" spans="1:2" x14ac:dyDescent="0.2">
      <c r="A317" s="52" t="s">
        <v>739</v>
      </c>
      <c r="B317" s="55" t="s">
        <v>1497</v>
      </c>
    </row>
    <row r="318" spans="1:2" x14ac:dyDescent="0.2">
      <c r="A318" s="52" t="s">
        <v>740</v>
      </c>
      <c r="B318" s="55" t="s">
        <v>1498</v>
      </c>
    </row>
    <row r="319" spans="1:2" x14ac:dyDescent="0.2">
      <c r="A319" s="52" t="s">
        <v>741</v>
      </c>
      <c r="B319" s="55" t="s">
        <v>1499</v>
      </c>
    </row>
    <row r="320" spans="1:2" x14ac:dyDescent="0.2">
      <c r="A320" s="52" t="s">
        <v>742</v>
      </c>
      <c r="B320" s="55" t="s">
        <v>1500</v>
      </c>
    </row>
    <row r="321" spans="1:2" x14ac:dyDescent="0.2">
      <c r="A321" s="52" t="s">
        <v>743</v>
      </c>
      <c r="B321" s="55" t="s">
        <v>1501</v>
      </c>
    </row>
    <row r="322" spans="1:2" x14ac:dyDescent="0.2">
      <c r="A322" s="52" t="s">
        <v>744</v>
      </c>
      <c r="B322" s="55" t="s">
        <v>1502</v>
      </c>
    </row>
    <row r="323" spans="1:2" x14ac:dyDescent="0.2">
      <c r="A323" s="52" t="s">
        <v>745</v>
      </c>
      <c r="B323" s="55" t="s">
        <v>1503</v>
      </c>
    </row>
    <row r="324" spans="1:2" x14ac:dyDescent="0.2">
      <c r="A324" s="52" t="s">
        <v>746</v>
      </c>
      <c r="B324" s="55" t="s">
        <v>1504</v>
      </c>
    </row>
    <row r="325" spans="1:2" x14ac:dyDescent="0.2">
      <c r="A325" s="52" t="s">
        <v>747</v>
      </c>
      <c r="B325" s="55" t="s">
        <v>1505</v>
      </c>
    </row>
    <row r="326" spans="1:2" x14ac:dyDescent="0.2">
      <c r="A326" s="52" t="s">
        <v>748</v>
      </c>
      <c r="B326" s="55" t="s">
        <v>1506</v>
      </c>
    </row>
    <row r="327" spans="1:2" x14ac:dyDescent="0.2">
      <c r="A327" s="52" t="s">
        <v>749</v>
      </c>
      <c r="B327" s="55" t="s">
        <v>1507</v>
      </c>
    </row>
    <row r="328" spans="1:2" x14ac:dyDescent="0.2">
      <c r="A328" s="52" t="s">
        <v>750</v>
      </c>
      <c r="B328" s="55" t="s">
        <v>1508</v>
      </c>
    </row>
    <row r="329" spans="1:2" x14ac:dyDescent="0.2">
      <c r="A329" s="52" t="s">
        <v>751</v>
      </c>
      <c r="B329" s="55" t="s">
        <v>1509</v>
      </c>
    </row>
    <row r="330" spans="1:2" x14ac:dyDescent="0.2">
      <c r="A330" s="52" t="s">
        <v>752</v>
      </c>
      <c r="B330" s="55" t="s">
        <v>1510</v>
      </c>
    </row>
    <row r="331" spans="1:2" x14ac:dyDescent="0.2">
      <c r="A331" s="52" t="s">
        <v>753</v>
      </c>
      <c r="B331" s="55" t="s">
        <v>1511</v>
      </c>
    </row>
    <row r="332" spans="1:2" x14ac:dyDescent="0.2">
      <c r="A332" s="52" t="s">
        <v>754</v>
      </c>
      <c r="B332" s="55" t="s">
        <v>1512</v>
      </c>
    </row>
    <row r="333" spans="1:2" x14ac:dyDescent="0.2">
      <c r="A333" s="52" t="s">
        <v>755</v>
      </c>
      <c r="B333" s="55" t="s">
        <v>1513</v>
      </c>
    </row>
    <row r="334" spans="1:2" x14ac:dyDescent="0.2">
      <c r="A334" s="52" t="s">
        <v>756</v>
      </c>
      <c r="B334" s="55" t="s">
        <v>1514</v>
      </c>
    </row>
    <row r="335" spans="1:2" x14ac:dyDescent="0.2">
      <c r="A335" s="52" t="s">
        <v>757</v>
      </c>
      <c r="B335" s="55" t="s">
        <v>1515</v>
      </c>
    </row>
    <row r="336" spans="1:2" x14ac:dyDescent="0.2">
      <c r="A336" s="52" t="s">
        <v>758</v>
      </c>
      <c r="B336" s="55" t="s">
        <v>1516</v>
      </c>
    </row>
    <row r="337" spans="1:2" x14ac:dyDescent="0.2">
      <c r="A337" s="52" t="s">
        <v>759</v>
      </c>
      <c r="B337" s="55" t="s">
        <v>1517</v>
      </c>
    </row>
    <row r="338" spans="1:2" x14ac:dyDescent="0.2">
      <c r="A338" s="52" t="s">
        <v>760</v>
      </c>
      <c r="B338" s="55" t="s">
        <v>1518</v>
      </c>
    </row>
    <row r="339" spans="1:2" x14ac:dyDescent="0.2">
      <c r="A339" s="52" t="s">
        <v>761</v>
      </c>
      <c r="B339" s="55" t="s">
        <v>1519</v>
      </c>
    </row>
    <row r="340" spans="1:2" x14ac:dyDescent="0.2">
      <c r="A340" s="52" t="s">
        <v>762</v>
      </c>
      <c r="B340" s="55" t="s">
        <v>1520</v>
      </c>
    </row>
    <row r="341" spans="1:2" x14ac:dyDescent="0.2">
      <c r="A341" s="52" t="s">
        <v>763</v>
      </c>
      <c r="B341" s="55" t="s">
        <v>1521</v>
      </c>
    </row>
    <row r="342" spans="1:2" x14ac:dyDescent="0.2">
      <c r="A342" s="52" t="s">
        <v>764</v>
      </c>
      <c r="B342" s="55" t="s">
        <v>1522</v>
      </c>
    </row>
    <row r="343" spans="1:2" x14ac:dyDescent="0.2">
      <c r="A343" s="52" t="s">
        <v>765</v>
      </c>
      <c r="B343" s="55" t="s">
        <v>1523</v>
      </c>
    </row>
    <row r="344" spans="1:2" x14ac:dyDescent="0.2">
      <c r="A344" s="52" t="s">
        <v>766</v>
      </c>
      <c r="B344" s="55" t="s">
        <v>1524</v>
      </c>
    </row>
    <row r="345" spans="1:2" x14ac:dyDescent="0.2">
      <c r="A345" s="52" t="s">
        <v>767</v>
      </c>
      <c r="B345" s="55" t="s">
        <v>1525</v>
      </c>
    </row>
    <row r="346" spans="1:2" x14ac:dyDescent="0.2">
      <c r="A346" s="52" t="s">
        <v>768</v>
      </c>
      <c r="B346" s="55" t="s">
        <v>1526</v>
      </c>
    </row>
    <row r="347" spans="1:2" x14ac:dyDescent="0.2">
      <c r="A347" s="52" t="s">
        <v>769</v>
      </c>
      <c r="B347" s="55" t="s">
        <v>1527</v>
      </c>
    </row>
    <row r="348" spans="1:2" x14ac:dyDescent="0.2">
      <c r="A348" s="52" t="s">
        <v>770</v>
      </c>
      <c r="B348" s="55" t="s">
        <v>1528</v>
      </c>
    </row>
    <row r="349" spans="1:2" x14ac:dyDescent="0.2">
      <c r="A349" s="52" t="s">
        <v>771</v>
      </c>
      <c r="B349" s="55" t="s">
        <v>1529</v>
      </c>
    </row>
    <row r="350" spans="1:2" x14ac:dyDescent="0.2">
      <c r="A350" s="52" t="s">
        <v>772</v>
      </c>
      <c r="B350" s="55" t="s">
        <v>1530</v>
      </c>
    </row>
    <row r="351" spans="1:2" x14ac:dyDescent="0.2">
      <c r="A351" s="52" t="s">
        <v>773</v>
      </c>
      <c r="B351" s="55" t="s">
        <v>1531</v>
      </c>
    </row>
    <row r="352" spans="1:2" x14ac:dyDescent="0.2">
      <c r="A352" s="52" t="s">
        <v>774</v>
      </c>
      <c r="B352" s="55" t="s">
        <v>1532</v>
      </c>
    </row>
    <row r="353" spans="1:2" x14ac:dyDescent="0.2">
      <c r="A353" s="52" t="s">
        <v>775</v>
      </c>
      <c r="B353" s="55" t="s">
        <v>1533</v>
      </c>
    </row>
    <row r="354" spans="1:2" x14ac:dyDescent="0.2">
      <c r="A354" s="52" t="s">
        <v>776</v>
      </c>
      <c r="B354" s="55" t="s">
        <v>1534</v>
      </c>
    </row>
    <row r="355" spans="1:2" x14ac:dyDescent="0.2">
      <c r="A355" s="52" t="s">
        <v>777</v>
      </c>
      <c r="B355" s="55" t="s">
        <v>1535</v>
      </c>
    </row>
    <row r="356" spans="1:2" x14ac:dyDescent="0.2">
      <c r="A356" s="52" t="s">
        <v>778</v>
      </c>
      <c r="B356" s="55" t="s">
        <v>1536</v>
      </c>
    </row>
    <row r="357" spans="1:2" x14ac:dyDescent="0.2">
      <c r="A357" s="52" t="s">
        <v>779</v>
      </c>
      <c r="B357" s="55" t="s">
        <v>1537</v>
      </c>
    </row>
    <row r="358" spans="1:2" x14ac:dyDescent="0.2">
      <c r="A358" s="52" t="s">
        <v>780</v>
      </c>
      <c r="B358" s="55" t="s">
        <v>1538</v>
      </c>
    </row>
    <row r="359" spans="1:2" x14ac:dyDescent="0.2">
      <c r="A359" s="52" t="s">
        <v>781</v>
      </c>
      <c r="B359" s="55" t="s">
        <v>1539</v>
      </c>
    </row>
    <row r="360" spans="1:2" x14ac:dyDescent="0.2">
      <c r="A360" s="52" t="s">
        <v>782</v>
      </c>
      <c r="B360" s="55" t="s">
        <v>1540</v>
      </c>
    </row>
    <row r="361" spans="1:2" x14ac:dyDescent="0.2">
      <c r="A361" s="52" t="s">
        <v>783</v>
      </c>
      <c r="B361" s="55" t="s">
        <v>1541</v>
      </c>
    </row>
    <row r="362" spans="1:2" x14ac:dyDescent="0.2">
      <c r="A362" s="52" t="s">
        <v>784</v>
      </c>
      <c r="B362" s="55" t="s">
        <v>1542</v>
      </c>
    </row>
    <row r="363" spans="1:2" x14ac:dyDescent="0.2">
      <c r="A363" s="52" t="s">
        <v>785</v>
      </c>
      <c r="B363" s="55" t="s">
        <v>1543</v>
      </c>
    </row>
    <row r="364" spans="1:2" x14ac:dyDescent="0.2">
      <c r="A364" s="52" t="s">
        <v>786</v>
      </c>
      <c r="B364" s="55" t="s">
        <v>1544</v>
      </c>
    </row>
    <row r="365" spans="1:2" x14ac:dyDescent="0.2">
      <c r="A365" s="52" t="s">
        <v>787</v>
      </c>
      <c r="B365" s="55" t="s">
        <v>1545</v>
      </c>
    </row>
    <row r="366" spans="1:2" x14ac:dyDescent="0.2">
      <c r="A366" s="52" t="s">
        <v>788</v>
      </c>
      <c r="B366" s="55" t="s">
        <v>1546</v>
      </c>
    </row>
    <row r="367" spans="1:2" x14ac:dyDescent="0.2">
      <c r="A367" s="52" t="s">
        <v>789</v>
      </c>
      <c r="B367" s="55" t="s">
        <v>1547</v>
      </c>
    </row>
    <row r="368" spans="1:2" x14ac:dyDescent="0.2">
      <c r="A368" s="52" t="s">
        <v>790</v>
      </c>
      <c r="B368" s="55" t="s">
        <v>1548</v>
      </c>
    </row>
    <row r="369" spans="1:2" x14ac:dyDescent="0.2">
      <c r="A369" s="52" t="s">
        <v>791</v>
      </c>
      <c r="B369" s="55" t="s">
        <v>1549</v>
      </c>
    </row>
    <row r="370" spans="1:2" x14ac:dyDescent="0.2">
      <c r="A370" s="52" t="s">
        <v>792</v>
      </c>
      <c r="B370" s="55" t="s">
        <v>1550</v>
      </c>
    </row>
    <row r="371" spans="1:2" x14ac:dyDescent="0.2">
      <c r="A371" s="52" t="s">
        <v>793</v>
      </c>
      <c r="B371" s="55" t="s">
        <v>1551</v>
      </c>
    </row>
    <row r="372" spans="1:2" x14ac:dyDescent="0.2">
      <c r="A372" s="52" t="s">
        <v>794</v>
      </c>
      <c r="B372" s="55" t="s">
        <v>1552</v>
      </c>
    </row>
    <row r="373" spans="1:2" x14ac:dyDescent="0.2">
      <c r="A373" s="52" t="s">
        <v>795</v>
      </c>
      <c r="B373" s="55" t="s">
        <v>1553</v>
      </c>
    </row>
    <row r="374" spans="1:2" x14ac:dyDescent="0.2">
      <c r="A374" s="52" t="s">
        <v>796</v>
      </c>
      <c r="B374" s="55" t="s">
        <v>1554</v>
      </c>
    </row>
    <row r="375" spans="1:2" x14ac:dyDescent="0.2">
      <c r="A375" s="52" t="s">
        <v>797</v>
      </c>
      <c r="B375" s="55" t="s">
        <v>1555</v>
      </c>
    </row>
    <row r="376" spans="1:2" x14ac:dyDescent="0.2">
      <c r="A376" s="52" t="s">
        <v>798</v>
      </c>
      <c r="B376" s="55" t="s">
        <v>1556</v>
      </c>
    </row>
    <row r="377" spans="1:2" x14ac:dyDescent="0.2">
      <c r="A377" s="52" t="s">
        <v>799</v>
      </c>
      <c r="B377" s="55" t="s">
        <v>1557</v>
      </c>
    </row>
    <row r="378" spans="1:2" x14ac:dyDescent="0.2">
      <c r="A378" s="52" t="s">
        <v>800</v>
      </c>
      <c r="B378" s="55" t="s">
        <v>1558</v>
      </c>
    </row>
    <row r="379" spans="1:2" x14ac:dyDescent="0.2">
      <c r="A379" s="52" t="s">
        <v>801</v>
      </c>
      <c r="B379" s="55" t="s">
        <v>1559</v>
      </c>
    </row>
    <row r="380" spans="1:2" x14ac:dyDescent="0.2">
      <c r="A380" s="52" t="s">
        <v>802</v>
      </c>
      <c r="B380" s="55" t="s">
        <v>1560</v>
      </c>
    </row>
    <row r="381" spans="1:2" x14ac:dyDescent="0.2">
      <c r="A381" s="52" t="s">
        <v>803</v>
      </c>
      <c r="B381" s="55" t="s">
        <v>1561</v>
      </c>
    </row>
    <row r="382" spans="1:2" x14ac:dyDescent="0.2">
      <c r="A382" s="52" t="s">
        <v>804</v>
      </c>
      <c r="B382" s="55" t="s">
        <v>1562</v>
      </c>
    </row>
    <row r="383" spans="1:2" x14ac:dyDescent="0.2">
      <c r="A383" s="52" t="s">
        <v>805</v>
      </c>
      <c r="B383" s="55" t="s">
        <v>1563</v>
      </c>
    </row>
    <row r="384" spans="1:2" x14ac:dyDescent="0.2">
      <c r="A384" s="52" t="s">
        <v>806</v>
      </c>
      <c r="B384" s="55" t="s">
        <v>1564</v>
      </c>
    </row>
    <row r="385" spans="1:2" x14ac:dyDescent="0.2">
      <c r="A385" s="52" t="s">
        <v>807</v>
      </c>
      <c r="B385" s="55" t="s">
        <v>1565</v>
      </c>
    </row>
    <row r="386" spans="1:2" x14ac:dyDescent="0.2">
      <c r="A386" s="52" t="s">
        <v>808</v>
      </c>
      <c r="B386" s="55" t="s">
        <v>1566</v>
      </c>
    </row>
    <row r="387" spans="1:2" x14ac:dyDescent="0.2">
      <c r="A387" s="52" t="s">
        <v>809</v>
      </c>
      <c r="B387" s="55" t="s">
        <v>1567</v>
      </c>
    </row>
    <row r="388" spans="1:2" x14ac:dyDescent="0.2">
      <c r="A388" s="52" t="s">
        <v>810</v>
      </c>
      <c r="B388" s="55" t="s">
        <v>1568</v>
      </c>
    </row>
    <row r="389" spans="1:2" x14ac:dyDescent="0.2">
      <c r="A389" s="52" t="s">
        <v>811</v>
      </c>
      <c r="B389" s="55" t="s">
        <v>1569</v>
      </c>
    </row>
    <row r="390" spans="1:2" x14ac:dyDescent="0.2">
      <c r="A390" s="52" t="s">
        <v>812</v>
      </c>
      <c r="B390" s="55" t="s">
        <v>1570</v>
      </c>
    </row>
    <row r="391" spans="1:2" x14ac:dyDescent="0.2">
      <c r="A391" s="52" t="s">
        <v>813</v>
      </c>
      <c r="B391" s="55" t="s">
        <v>1571</v>
      </c>
    </row>
    <row r="392" spans="1:2" x14ac:dyDescent="0.2">
      <c r="A392" s="52" t="s">
        <v>814</v>
      </c>
      <c r="B392" s="55" t="s">
        <v>1572</v>
      </c>
    </row>
    <row r="393" spans="1:2" x14ac:dyDescent="0.2">
      <c r="A393" s="52" t="s">
        <v>815</v>
      </c>
      <c r="B393" s="55" t="s">
        <v>1573</v>
      </c>
    </row>
    <row r="394" spans="1:2" x14ac:dyDescent="0.2">
      <c r="A394" s="52" t="s">
        <v>816</v>
      </c>
      <c r="B394" s="55" t="s">
        <v>1574</v>
      </c>
    </row>
    <row r="395" spans="1:2" x14ac:dyDescent="0.2">
      <c r="A395" s="52" t="s">
        <v>817</v>
      </c>
      <c r="B395" s="55" t="s">
        <v>1575</v>
      </c>
    </row>
    <row r="396" spans="1:2" x14ac:dyDescent="0.2">
      <c r="A396" s="52" t="s">
        <v>818</v>
      </c>
      <c r="B396" s="55" t="s">
        <v>1576</v>
      </c>
    </row>
    <row r="397" spans="1:2" x14ac:dyDescent="0.2">
      <c r="A397" s="52" t="s">
        <v>819</v>
      </c>
      <c r="B397" s="55" t="s">
        <v>1577</v>
      </c>
    </row>
    <row r="398" spans="1:2" x14ac:dyDescent="0.2">
      <c r="A398" s="52" t="s">
        <v>820</v>
      </c>
      <c r="B398" s="55" t="s">
        <v>1578</v>
      </c>
    </row>
    <row r="399" spans="1:2" x14ac:dyDescent="0.2">
      <c r="A399" s="52" t="s">
        <v>821</v>
      </c>
      <c r="B399" s="55" t="s">
        <v>1579</v>
      </c>
    </row>
    <row r="400" spans="1:2" x14ac:dyDescent="0.2">
      <c r="A400" s="52" t="s">
        <v>822</v>
      </c>
      <c r="B400" s="55" t="s">
        <v>1580</v>
      </c>
    </row>
    <row r="401" spans="1:2" x14ac:dyDescent="0.2">
      <c r="A401" s="52" t="s">
        <v>823</v>
      </c>
      <c r="B401" s="55" t="s">
        <v>1581</v>
      </c>
    </row>
    <row r="402" spans="1:2" x14ac:dyDescent="0.2">
      <c r="A402" s="52" t="s">
        <v>824</v>
      </c>
      <c r="B402" s="55" t="s">
        <v>1582</v>
      </c>
    </row>
    <row r="403" spans="1:2" x14ac:dyDescent="0.2">
      <c r="A403" s="52" t="s">
        <v>825</v>
      </c>
      <c r="B403" s="55" t="s">
        <v>1583</v>
      </c>
    </row>
    <row r="404" spans="1:2" x14ac:dyDescent="0.2">
      <c r="A404" s="52" t="s">
        <v>826</v>
      </c>
      <c r="B404" s="55" t="s">
        <v>1584</v>
      </c>
    </row>
    <row r="405" spans="1:2" x14ac:dyDescent="0.2">
      <c r="A405" s="52" t="s">
        <v>827</v>
      </c>
      <c r="B405" s="55" t="s">
        <v>1585</v>
      </c>
    </row>
    <row r="406" spans="1:2" x14ac:dyDescent="0.2">
      <c r="A406" s="52" t="s">
        <v>828</v>
      </c>
      <c r="B406" s="55" t="s">
        <v>1586</v>
      </c>
    </row>
    <row r="407" spans="1:2" x14ac:dyDescent="0.2">
      <c r="A407" s="52" t="s">
        <v>829</v>
      </c>
      <c r="B407" s="55" t="s">
        <v>1587</v>
      </c>
    </row>
    <row r="408" spans="1:2" x14ac:dyDescent="0.2">
      <c r="A408" s="52" t="s">
        <v>830</v>
      </c>
      <c r="B408" s="55" t="s">
        <v>1588</v>
      </c>
    </row>
    <row r="409" spans="1:2" x14ac:dyDescent="0.2">
      <c r="A409" s="52" t="s">
        <v>831</v>
      </c>
      <c r="B409" s="55" t="s">
        <v>1589</v>
      </c>
    </row>
    <row r="410" spans="1:2" x14ac:dyDescent="0.2">
      <c r="A410" s="52" t="s">
        <v>832</v>
      </c>
      <c r="B410" s="55" t="s">
        <v>1590</v>
      </c>
    </row>
    <row r="411" spans="1:2" x14ac:dyDescent="0.2">
      <c r="A411" s="52" t="s">
        <v>833</v>
      </c>
      <c r="B411" s="55" t="s">
        <v>1591</v>
      </c>
    </row>
    <row r="412" spans="1:2" x14ac:dyDescent="0.2">
      <c r="A412" s="52" t="s">
        <v>834</v>
      </c>
      <c r="B412" s="55" t="s">
        <v>1592</v>
      </c>
    </row>
    <row r="413" spans="1:2" x14ac:dyDescent="0.2">
      <c r="A413" s="52" t="s">
        <v>835</v>
      </c>
      <c r="B413" s="55" t="s">
        <v>1593</v>
      </c>
    </row>
    <row r="414" spans="1:2" x14ac:dyDescent="0.2">
      <c r="A414" s="52" t="s">
        <v>836</v>
      </c>
      <c r="B414" s="55" t="s">
        <v>1594</v>
      </c>
    </row>
    <row r="415" spans="1:2" x14ac:dyDescent="0.2">
      <c r="A415" s="52" t="s">
        <v>837</v>
      </c>
      <c r="B415" s="55" t="s">
        <v>1595</v>
      </c>
    </row>
    <row r="416" spans="1:2" x14ac:dyDescent="0.2">
      <c r="A416" s="52" t="s">
        <v>838</v>
      </c>
      <c r="B416" s="55" t="s">
        <v>1596</v>
      </c>
    </row>
    <row r="417" spans="1:2" x14ac:dyDescent="0.2">
      <c r="A417" s="52" t="s">
        <v>839</v>
      </c>
      <c r="B417" s="55" t="s">
        <v>1597</v>
      </c>
    </row>
    <row r="418" spans="1:2" x14ac:dyDescent="0.2">
      <c r="A418" s="52" t="s">
        <v>840</v>
      </c>
      <c r="B418" s="55" t="s">
        <v>1598</v>
      </c>
    </row>
    <row r="419" spans="1:2" x14ac:dyDescent="0.2">
      <c r="A419" s="52" t="s">
        <v>841</v>
      </c>
      <c r="B419" s="55" t="s">
        <v>1599</v>
      </c>
    </row>
    <row r="420" spans="1:2" x14ac:dyDescent="0.2">
      <c r="A420" s="52" t="s">
        <v>842</v>
      </c>
      <c r="B420" s="55" t="s">
        <v>1600</v>
      </c>
    </row>
    <row r="421" spans="1:2" x14ac:dyDescent="0.2">
      <c r="A421" s="52" t="s">
        <v>843</v>
      </c>
      <c r="B421" s="55" t="s">
        <v>1601</v>
      </c>
    </row>
    <row r="422" spans="1:2" x14ac:dyDescent="0.2">
      <c r="A422" s="52" t="s">
        <v>844</v>
      </c>
      <c r="B422" s="55" t="s">
        <v>1602</v>
      </c>
    </row>
    <row r="423" spans="1:2" x14ac:dyDescent="0.2">
      <c r="A423" s="52" t="s">
        <v>845</v>
      </c>
      <c r="B423" s="55" t="s">
        <v>1603</v>
      </c>
    </row>
    <row r="424" spans="1:2" x14ac:dyDescent="0.2">
      <c r="A424" s="52" t="s">
        <v>846</v>
      </c>
      <c r="B424" s="55" t="s">
        <v>1604</v>
      </c>
    </row>
    <row r="425" spans="1:2" x14ac:dyDescent="0.2">
      <c r="A425" s="52" t="s">
        <v>847</v>
      </c>
      <c r="B425" s="55" t="s">
        <v>1605</v>
      </c>
    </row>
    <row r="426" spans="1:2" x14ac:dyDescent="0.2">
      <c r="A426" s="52" t="s">
        <v>848</v>
      </c>
      <c r="B426" s="55" t="s">
        <v>1606</v>
      </c>
    </row>
    <row r="427" spans="1:2" x14ac:dyDescent="0.2">
      <c r="A427" s="52" t="s">
        <v>849</v>
      </c>
      <c r="B427" s="55" t="s">
        <v>1607</v>
      </c>
    </row>
    <row r="428" spans="1:2" x14ac:dyDescent="0.2">
      <c r="A428" s="52" t="s">
        <v>850</v>
      </c>
      <c r="B428" s="55" t="s">
        <v>1608</v>
      </c>
    </row>
    <row r="429" spans="1:2" x14ac:dyDescent="0.2">
      <c r="A429" s="52" t="s">
        <v>851</v>
      </c>
      <c r="B429" s="55" t="s">
        <v>1609</v>
      </c>
    </row>
    <row r="430" spans="1:2" x14ac:dyDescent="0.2">
      <c r="A430" s="52" t="s">
        <v>852</v>
      </c>
      <c r="B430" s="55" t="s">
        <v>1610</v>
      </c>
    </row>
    <row r="431" spans="1:2" x14ac:dyDescent="0.2">
      <c r="A431" s="52" t="s">
        <v>853</v>
      </c>
      <c r="B431" s="55" t="s">
        <v>1611</v>
      </c>
    </row>
    <row r="432" spans="1:2" x14ac:dyDescent="0.2">
      <c r="A432" s="52" t="s">
        <v>854</v>
      </c>
      <c r="B432" s="55" t="s">
        <v>1612</v>
      </c>
    </row>
    <row r="433" spans="1:2" x14ac:dyDescent="0.2">
      <c r="A433" s="52" t="s">
        <v>855</v>
      </c>
      <c r="B433" s="55" t="s">
        <v>1613</v>
      </c>
    </row>
    <row r="434" spans="1:2" x14ac:dyDescent="0.2">
      <c r="A434" s="52" t="s">
        <v>856</v>
      </c>
      <c r="B434" s="55" t="s">
        <v>1614</v>
      </c>
    </row>
    <row r="435" spans="1:2" x14ac:dyDescent="0.2">
      <c r="A435" s="52" t="s">
        <v>857</v>
      </c>
      <c r="B435" s="55" t="s">
        <v>1615</v>
      </c>
    </row>
    <row r="436" spans="1:2" x14ac:dyDescent="0.2">
      <c r="A436" s="52" t="s">
        <v>858</v>
      </c>
      <c r="B436" s="55" t="s">
        <v>1616</v>
      </c>
    </row>
    <row r="437" spans="1:2" x14ac:dyDescent="0.2">
      <c r="A437" s="52" t="s">
        <v>859</v>
      </c>
      <c r="B437" s="55" t="s">
        <v>1617</v>
      </c>
    </row>
    <row r="438" spans="1:2" x14ac:dyDescent="0.2">
      <c r="A438" s="52" t="s">
        <v>860</v>
      </c>
      <c r="B438" s="55" t="s">
        <v>1618</v>
      </c>
    </row>
    <row r="439" spans="1:2" x14ac:dyDescent="0.2">
      <c r="A439" s="52" t="s">
        <v>861</v>
      </c>
      <c r="B439" s="55" t="s">
        <v>1619</v>
      </c>
    </row>
    <row r="440" spans="1:2" x14ac:dyDescent="0.2">
      <c r="A440" s="52" t="s">
        <v>862</v>
      </c>
      <c r="B440" s="55" t="s">
        <v>1620</v>
      </c>
    </row>
    <row r="441" spans="1:2" x14ac:dyDescent="0.2">
      <c r="A441" s="52" t="s">
        <v>863</v>
      </c>
      <c r="B441" s="55" t="s">
        <v>1621</v>
      </c>
    </row>
    <row r="442" spans="1:2" x14ac:dyDescent="0.2">
      <c r="A442" s="52" t="s">
        <v>864</v>
      </c>
      <c r="B442" s="55" t="s">
        <v>1622</v>
      </c>
    </row>
    <row r="443" spans="1:2" x14ac:dyDescent="0.2">
      <c r="A443" s="52" t="s">
        <v>865</v>
      </c>
      <c r="B443" s="55" t="s">
        <v>1623</v>
      </c>
    </row>
    <row r="444" spans="1:2" x14ac:dyDescent="0.2">
      <c r="A444" s="52" t="s">
        <v>866</v>
      </c>
      <c r="B444" s="55" t="s">
        <v>1624</v>
      </c>
    </row>
    <row r="445" spans="1:2" x14ac:dyDescent="0.2">
      <c r="A445" s="52" t="s">
        <v>867</v>
      </c>
      <c r="B445" s="55" t="s">
        <v>1625</v>
      </c>
    </row>
    <row r="446" spans="1:2" x14ac:dyDescent="0.2">
      <c r="A446" s="52" t="s">
        <v>868</v>
      </c>
      <c r="B446" s="55" t="s">
        <v>1626</v>
      </c>
    </row>
    <row r="447" spans="1:2" x14ac:dyDescent="0.2">
      <c r="A447" s="52" t="s">
        <v>869</v>
      </c>
      <c r="B447" s="55" t="s">
        <v>1627</v>
      </c>
    </row>
    <row r="448" spans="1:2" x14ac:dyDescent="0.2">
      <c r="A448" s="52" t="s">
        <v>870</v>
      </c>
      <c r="B448" s="55" t="s">
        <v>1628</v>
      </c>
    </row>
    <row r="449" spans="1:2" x14ac:dyDescent="0.2">
      <c r="A449" s="52" t="s">
        <v>871</v>
      </c>
      <c r="B449" s="55" t="s">
        <v>1629</v>
      </c>
    </row>
    <row r="450" spans="1:2" x14ac:dyDescent="0.2">
      <c r="A450" s="52" t="s">
        <v>872</v>
      </c>
      <c r="B450" s="55" t="s">
        <v>1630</v>
      </c>
    </row>
    <row r="451" spans="1:2" x14ac:dyDescent="0.2">
      <c r="A451" s="52" t="s">
        <v>873</v>
      </c>
      <c r="B451" s="55" t="s">
        <v>1631</v>
      </c>
    </row>
    <row r="452" spans="1:2" x14ac:dyDescent="0.2">
      <c r="A452" s="52" t="s">
        <v>874</v>
      </c>
      <c r="B452" s="55" t="s">
        <v>1632</v>
      </c>
    </row>
    <row r="453" spans="1:2" x14ac:dyDescent="0.2">
      <c r="A453" s="52" t="s">
        <v>875</v>
      </c>
      <c r="B453" s="55" t="s">
        <v>1633</v>
      </c>
    </row>
    <row r="454" spans="1:2" x14ac:dyDescent="0.2">
      <c r="A454" s="52" t="s">
        <v>876</v>
      </c>
      <c r="B454" s="55" t="s">
        <v>1634</v>
      </c>
    </row>
    <row r="455" spans="1:2" x14ac:dyDescent="0.2">
      <c r="A455" s="52" t="s">
        <v>877</v>
      </c>
      <c r="B455" s="55" t="s">
        <v>1635</v>
      </c>
    </row>
    <row r="456" spans="1:2" x14ac:dyDescent="0.2">
      <c r="A456" s="52" t="s">
        <v>878</v>
      </c>
      <c r="B456" s="55" t="s">
        <v>1636</v>
      </c>
    </row>
    <row r="457" spans="1:2" x14ac:dyDescent="0.2">
      <c r="A457" s="52" t="s">
        <v>879</v>
      </c>
      <c r="B457" s="55" t="s">
        <v>1637</v>
      </c>
    </row>
    <row r="458" spans="1:2" x14ac:dyDescent="0.2">
      <c r="A458" s="52" t="s">
        <v>880</v>
      </c>
      <c r="B458" s="55" t="s">
        <v>1638</v>
      </c>
    </row>
    <row r="459" spans="1:2" x14ac:dyDescent="0.2">
      <c r="A459" s="52" t="s">
        <v>881</v>
      </c>
      <c r="B459" s="55" t="s">
        <v>1639</v>
      </c>
    </row>
    <row r="460" spans="1:2" x14ac:dyDescent="0.2">
      <c r="A460" s="52" t="s">
        <v>882</v>
      </c>
      <c r="B460" s="55" t="s">
        <v>1640</v>
      </c>
    </row>
    <row r="461" spans="1:2" x14ac:dyDescent="0.2">
      <c r="A461" s="52" t="s">
        <v>883</v>
      </c>
      <c r="B461" s="55" t="s">
        <v>1641</v>
      </c>
    </row>
    <row r="462" spans="1:2" x14ac:dyDescent="0.2">
      <c r="A462" s="52" t="s">
        <v>884</v>
      </c>
      <c r="B462" s="55" t="s">
        <v>1642</v>
      </c>
    </row>
    <row r="463" spans="1:2" x14ac:dyDescent="0.2">
      <c r="A463" s="52" t="s">
        <v>885</v>
      </c>
      <c r="B463" s="55" t="s">
        <v>1643</v>
      </c>
    </row>
    <row r="464" spans="1:2" x14ac:dyDescent="0.2">
      <c r="A464" s="52" t="s">
        <v>886</v>
      </c>
      <c r="B464" s="55" t="s">
        <v>1644</v>
      </c>
    </row>
    <row r="465" spans="1:2" x14ac:dyDescent="0.2">
      <c r="A465" s="52" t="s">
        <v>887</v>
      </c>
      <c r="B465" s="55" t="s">
        <v>1645</v>
      </c>
    </row>
    <row r="466" spans="1:2" x14ac:dyDescent="0.2">
      <c r="A466" s="52" t="s">
        <v>888</v>
      </c>
      <c r="B466" s="55" t="s">
        <v>1646</v>
      </c>
    </row>
    <row r="467" spans="1:2" x14ac:dyDescent="0.2">
      <c r="A467" s="52" t="s">
        <v>889</v>
      </c>
      <c r="B467" s="55" t="s">
        <v>1647</v>
      </c>
    </row>
    <row r="468" spans="1:2" x14ac:dyDescent="0.2">
      <c r="A468" s="52" t="s">
        <v>890</v>
      </c>
      <c r="B468" s="55" t="s">
        <v>1648</v>
      </c>
    </row>
    <row r="469" spans="1:2" x14ac:dyDescent="0.2">
      <c r="A469" s="52" t="s">
        <v>891</v>
      </c>
      <c r="B469" s="55" t="s">
        <v>1649</v>
      </c>
    </row>
    <row r="470" spans="1:2" x14ac:dyDescent="0.2">
      <c r="A470" s="52" t="s">
        <v>892</v>
      </c>
      <c r="B470" s="55" t="s">
        <v>1650</v>
      </c>
    </row>
    <row r="471" spans="1:2" x14ac:dyDescent="0.2">
      <c r="A471" s="52" t="s">
        <v>893</v>
      </c>
      <c r="B471" s="55" t="s">
        <v>1651</v>
      </c>
    </row>
    <row r="472" spans="1:2" x14ac:dyDescent="0.2">
      <c r="A472" s="52" t="s">
        <v>894</v>
      </c>
      <c r="B472" s="55" t="s">
        <v>1652</v>
      </c>
    </row>
    <row r="473" spans="1:2" x14ac:dyDescent="0.2">
      <c r="A473" s="52" t="s">
        <v>895</v>
      </c>
      <c r="B473" s="55" t="s">
        <v>1653</v>
      </c>
    </row>
    <row r="474" spans="1:2" x14ac:dyDescent="0.2">
      <c r="A474" s="52" t="s">
        <v>896</v>
      </c>
      <c r="B474" s="55" t="s">
        <v>1654</v>
      </c>
    </row>
    <row r="475" spans="1:2" x14ac:dyDescent="0.2">
      <c r="A475" s="52" t="s">
        <v>897</v>
      </c>
      <c r="B475" s="55" t="s">
        <v>1655</v>
      </c>
    </row>
    <row r="476" spans="1:2" x14ac:dyDescent="0.2">
      <c r="A476" s="52" t="s">
        <v>898</v>
      </c>
      <c r="B476" s="55" t="s">
        <v>1656</v>
      </c>
    </row>
    <row r="477" spans="1:2" x14ac:dyDescent="0.2">
      <c r="A477" s="52" t="s">
        <v>899</v>
      </c>
      <c r="B477" s="55" t="s">
        <v>1657</v>
      </c>
    </row>
    <row r="478" spans="1:2" x14ac:dyDescent="0.2">
      <c r="A478" s="52" t="s">
        <v>900</v>
      </c>
      <c r="B478" s="55" t="s">
        <v>1658</v>
      </c>
    </row>
    <row r="479" spans="1:2" x14ac:dyDescent="0.2">
      <c r="A479" s="52" t="s">
        <v>901</v>
      </c>
      <c r="B479" s="55" t="s">
        <v>1659</v>
      </c>
    </row>
    <row r="480" spans="1:2" x14ac:dyDescent="0.2">
      <c r="A480" s="52" t="s">
        <v>902</v>
      </c>
      <c r="B480" s="55" t="s">
        <v>1660</v>
      </c>
    </row>
    <row r="481" spans="1:2" x14ac:dyDescent="0.2">
      <c r="A481" s="52" t="s">
        <v>903</v>
      </c>
      <c r="B481" s="55" t="s">
        <v>1661</v>
      </c>
    </row>
    <row r="482" spans="1:2" x14ac:dyDescent="0.2">
      <c r="A482" s="52" t="s">
        <v>904</v>
      </c>
      <c r="B482" s="55" t="s">
        <v>1662</v>
      </c>
    </row>
    <row r="483" spans="1:2" x14ac:dyDescent="0.2">
      <c r="A483" s="52" t="s">
        <v>905</v>
      </c>
      <c r="B483" s="55" t="s">
        <v>1663</v>
      </c>
    </row>
    <row r="484" spans="1:2" x14ac:dyDescent="0.2">
      <c r="A484" s="52" t="s">
        <v>906</v>
      </c>
      <c r="B484" s="55" t="s">
        <v>1664</v>
      </c>
    </row>
    <row r="485" spans="1:2" x14ac:dyDescent="0.2">
      <c r="A485" s="52" t="s">
        <v>907</v>
      </c>
      <c r="B485" s="55" t="s">
        <v>1665</v>
      </c>
    </row>
    <row r="486" spans="1:2" x14ac:dyDescent="0.2">
      <c r="A486" s="52" t="s">
        <v>908</v>
      </c>
      <c r="B486" s="55" t="s">
        <v>1666</v>
      </c>
    </row>
    <row r="487" spans="1:2" x14ac:dyDescent="0.2">
      <c r="A487" s="52" t="s">
        <v>909</v>
      </c>
      <c r="B487" s="55" t="s">
        <v>1667</v>
      </c>
    </row>
    <row r="488" spans="1:2" x14ac:dyDescent="0.2">
      <c r="A488" s="52" t="s">
        <v>910</v>
      </c>
      <c r="B488" s="55" t="s">
        <v>1668</v>
      </c>
    </row>
    <row r="489" spans="1:2" x14ac:dyDescent="0.2">
      <c r="A489" s="52" t="s">
        <v>911</v>
      </c>
      <c r="B489" s="55" t="s">
        <v>1669</v>
      </c>
    </row>
    <row r="490" spans="1:2" x14ac:dyDescent="0.2">
      <c r="A490" s="52" t="s">
        <v>912</v>
      </c>
      <c r="B490" s="55" t="s">
        <v>1670</v>
      </c>
    </row>
    <row r="491" spans="1:2" x14ac:dyDescent="0.2">
      <c r="A491" s="52" t="s">
        <v>913</v>
      </c>
      <c r="B491" s="55" t="s">
        <v>1671</v>
      </c>
    </row>
    <row r="492" spans="1:2" x14ac:dyDescent="0.2">
      <c r="A492" s="52" t="s">
        <v>914</v>
      </c>
      <c r="B492" s="55" t="s">
        <v>1672</v>
      </c>
    </row>
    <row r="493" spans="1:2" x14ac:dyDescent="0.2">
      <c r="A493" s="52" t="s">
        <v>915</v>
      </c>
      <c r="B493" s="55" t="s">
        <v>1673</v>
      </c>
    </row>
    <row r="494" spans="1:2" x14ac:dyDescent="0.2">
      <c r="A494" s="52" t="s">
        <v>916</v>
      </c>
      <c r="B494" s="55" t="s">
        <v>1674</v>
      </c>
    </row>
    <row r="495" spans="1:2" x14ac:dyDescent="0.2">
      <c r="A495" s="52" t="s">
        <v>917</v>
      </c>
      <c r="B495" s="55" t="s">
        <v>1675</v>
      </c>
    </row>
    <row r="496" spans="1:2" x14ac:dyDescent="0.2">
      <c r="A496" s="52" t="s">
        <v>918</v>
      </c>
      <c r="B496" s="55" t="s">
        <v>1676</v>
      </c>
    </row>
    <row r="497" spans="1:2" x14ac:dyDescent="0.2">
      <c r="A497" s="52" t="s">
        <v>919</v>
      </c>
      <c r="B497" s="55" t="s">
        <v>1677</v>
      </c>
    </row>
    <row r="498" spans="1:2" x14ac:dyDescent="0.2">
      <c r="A498" s="52" t="s">
        <v>920</v>
      </c>
      <c r="B498" s="55" t="s">
        <v>1678</v>
      </c>
    </row>
    <row r="499" spans="1:2" x14ac:dyDescent="0.2">
      <c r="A499" s="52" t="s">
        <v>921</v>
      </c>
      <c r="B499" s="55" t="s">
        <v>1679</v>
      </c>
    </row>
    <row r="500" spans="1:2" x14ac:dyDescent="0.2">
      <c r="A500" s="52" t="s">
        <v>922</v>
      </c>
      <c r="B500" s="55" t="s">
        <v>1680</v>
      </c>
    </row>
    <row r="501" spans="1:2" x14ac:dyDescent="0.2">
      <c r="A501" s="52" t="s">
        <v>923</v>
      </c>
      <c r="B501" s="55" t="s">
        <v>1681</v>
      </c>
    </row>
    <row r="502" spans="1:2" x14ac:dyDescent="0.2">
      <c r="A502" s="52" t="s">
        <v>924</v>
      </c>
      <c r="B502" s="55" t="s">
        <v>1682</v>
      </c>
    </row>
    <row r="503" spans="1:2" x14ac:dyDescent="0.2">
      <c r="A503" s="52" t="s">
        <v>925</v>
      </c>
      <c r="B503" s="55" t="s">
        <v>1683</v>
      </c>
    </row>
    <row r="504" spans="1:2" x14ac:dyDescent="0.2">
      <c r="A504" s="52" t="s">
        <v>926</v>
      </c>
      <c r="B504" s="55" t="s">
        <v>1684</v>
      </c>
    </row>
    <row r="505" spans="1:2" x14ac:dyDescent="0.2">
      <c r="A505" s="52" t="s">
        <v>927</v>
      </c>
      <c r="B505" s="55" t="s">
        <v>1685</v>
      </c>
    </row>
    <row r="506" spans="1:2" x14ac:dyDescent="0.2">
      <c r="A506" s="52" t="s">
        <v>928</v>
      </c>
      <c r="B506" s="55" t="s">
        <v>1686</v>
      </c>
    </row>
    <row r="507" spans="1:2" x14ac:dyDescent="0.2">
      <c r="A507" s="52" t="s">
        <v>929</v>
      </c>
      <c r="B507" s="55" t="s">
        <v>1687</v>
      </c>
    </row>
    <row r="508" spans="1:2" x14ac:dyDescent="0.2">
      <c r="A508" s="52" t="s">
        <v>930</v>
      </c>
      <c r="B508" s="55" t="s">
        <v>1688</v>
      </c>
    </row>
    <row r="509" spans="1:2" x14ac:dyDescent="0.2">
      <c r="A509" s="52" t="s">
        <v>931</v>
      </c>
      <c r="B509" s="55" t="s">
        <v>1689</v>
      </c>
    </row>
    <row r="510" spans="1:2" x14ac:dyDescent="0.2">
      <c r="A510" s="52" t="s">
        <v>932</v>
      </c>
      <c r="B510" s="55" t="s">
        <v>1690</v>
      </c>
    </row>
    <row r="511" spans="1:2" x14ac:dyDescent="0.2">
      <c r="A511" s="52" t="s">
        <v>933</v>
      </c>
      <c r="B511" s="55" t="s">
        <v>1691</v>
      </c>
    </row>
    <row r="512" spans="1:2" x14ac:dyDescent="0.2">
      <c r="A512" s="52" t="s">
        <v>934</v>
      </c>
      <c r="B512" s="55" t="s">
        <v>1692</v>
      </c>
    </row>
    <row r="513" spans="1:2" x14ac:dyDescent="0.2">
      <c r="A513" s="52" t="s">
        <v>935</v>
      </c>
      <c r="B513" s="55" t="s">
        <v>1693</v>
      </c>
    </row>
    <row r="514" spans="1:2" x14ac:dyDescent="0.2">
      <c r="A514" s="52" t="s">
        <v>936</v>
      </c>
      <c r="B514" s="55" t="s">
        <v>1694</v>
      </c>
    </row>
    <row r="515" spans="1:2" x14ac:dyDescent="0.2">
      <c r="A515" s="52" t="s">
        <v>937</v>
      </c>
      <c r="B515" s="55" t="s">
        <v>1695</v>
      </c>
    </row>
    <row r="516" spans="1:2" x14ac:dyDescent="0.2">
      <c r="A516" s="52" t="s">
        <v>938</v>
      </c>
      <c r="B516" s="55" t="s">
        <v>1696</v>
      </c>
    </row>
    <row r="517" spans="1:2" x14ac:dyDescent="0.2">
      <c r="A517" s="52" t="s">
        <v>939</v>
      </c>
      <c r="B517" s="55" t="s">
        <v>1697</v>
      </c>
    </row>
    <row r="518" spans="1:2" x14ac:dyDescent="0.2">
      <c r="A518" s="52" t="s">
        <v>940</v>
      </c>
      <c r="B518" s="55" t="s">
        <v>1698</v>
      </c>
    </row>
    <row r="519" spans="1:2" x14ac:dyDescent="0.2">
      <c r="A519" s="52" t="s">
        <v>941</v>
      </c>
      <c r="B519" s="55" t="s">
        <v>1699</v>
      </c>
    </row>
    <row r="520" spans="1:2" x14ac:dyDescent="0.2">
      <c r="A520" s="52" t="s">
        <v>942</v>
      </c>
      <c r="B520" s="55" t="s">
        <v>1700</v>
      </c>
    </row>
    <row r="521" spans="1:2" x14ac:dyDescent="0.2">
      <c r="A521" s="52" t="s">
        <v>943</v>
      </c>
      <c r="B521" s="55" t="s">
        <v>1701</v>
      </c>
    </row>
    <row r="522" spans="1:2" x14ac:dyDescent="0.2">
      <c r="A522" s="52" t="s">
        <v>944</v>
      </c>
      <c r="B522" s="55" t="s">
        <v>1626</v>
      </c>
    </row>
    <row r="523" spans="1:2" x14ac:dyDescent="0.2">
      <c r="A523" s="52" t="s">
        <v>945</v>
      </c>
      <c r="B523" s="55" t="s">
        <v>1702</v>
      </c>
    </row>
    <row r="524" spans="1:2" x14ac:dyDescent="0.2">
      <c r="A524" s="52" t="s">
        <v>946</v>
      </c>
      <c r="B524" s="55" t="s">
        <v>1703</v>
      </c>
    </row>
    <row r="525" spans="1:2" x14ac:dyDescent="0.2">
      <c r="A525" s="52" t="s">
        <v>947</v>
      </c>
      <c r="B525" s="55" t="s">
        <v>1704</v>
      </c>
    </row>
    <row r="526" spans="1:2" x14ac:dyDescent="0.2">
      <c r="A526" s="52" t="s">
        <v>948</v>
      </c>
      <c r="B526" s="55" t="s">
        <v>1705</v>
      </c>
    </row>
    <row r="527" spans="1:2" x14ac:dyDescent="0.2">
      <c r="A527" s="52" t="s">
        <v>949</v>
      </c>
      <c r="B527" s="55" t="s">
        <v>1706</v>
      </c>
    </row>
    <row r="528" spans="1:2" x14ac:dyDescent="0.2">
      <c r="A528" s="52" t="s">
        <v>950</v>
      </c>
      <c r="B528" s="55" t="s">
        <v>1707</v>
      </c>
    </row>
    <row r="529" spans="1:2" x14ac:dyDescent="0.2">
      <c r="A529" s="52" t="s">
        <v>951</v>
      </c>
      <c r="B529" s="55" t="s">
        <v>1708</v>
      </c>
    </row>
    <row r="530" spans="1:2" x14ac:dyDescent="0.2">
      <c r="A530" s="52" t="s">
        <v>952</v>
      </c>
      <c r="B530" s="55" t="s">
        <v>1709</v>
      </c>
    </row>
    <row r="531" spans="1:2" x14ac:dyDescent="0.2">
      <c r="A531" s="52" t="s">
        <v>953</v>
      </c>
      <c r="B531" s="55" t="s">
        <v>1710</v>
      </c>
    </row>
    <row r="532" spans="1:2" x14ac:dyDescent="0.2">
      <c r="A532" s="52" t="s">
        <v>954</v>
      </c>
      <c r="B532" s="55" t="s">
        <v>1711</v>
      </c>
    </row>
    <row r="533" spans="1:2" x14ac:dyDescent="0.2">
      <c r="A533" s="52" t="s">
        <v>955</v>
      </c>
      <c r="B533" s="55" t="s">
        <v>1712</v>
      </c>
    </row>
    <row r="534" spans="1:2" x14ac:dyDescent="0.2">
      <c r="A534" s="52" t="s">
        <v>956</v>
      </c>
      <c r="B534" s="55" t="s">
        <v>1713</v>
      </c>
    </row>
    <row r="535" spans="1:2" x14ac:dyDescent="0.2">
      <c r="A535" s="52" t="s">
        <v>957</v>
      </c>
      <c r="B535" s="55" t="s">
        <v>1714</v>
      </c>
    </row>
    <row r="536" spans="1:2" x14ac:dyDescent="0.2">
      <c r="A536" s="52" t="s">
        <v>958</v>
      </c>
      <c r="B536" s="55" t="s">
        <v>1715</v>
      </c>
    </row>
    <row r="537" spans="1:2" x14ac:dyDescent="0.2">
      <c r="A537" s="52" t="s">
        <v>959</v>
      </c>
      <c r="B537" s="55" t="s">
        <v>1716</v>
      </c>
    </row>
    <row r="538" spans="1:2" x14ac:dyDescent="0.2">
      <c r="A538" s="52" t="s">
        <v>960</v>
      </c>
      <c r="B538" s="55" t="s">
        <v>1717</v>
      </c>
    </row>
    <row r="539" spans="1:2" x14ac:dyDescent="0.2">
      <c r="A539" s="52" t="s">
        <v>961</v>
      </c>
      <c r="B539" s="55" t="s">
        <v>1718</v>
      </c>
    </row>
    <row r="540" spans="1:2" x14ac:dyDescent="0.2">
      <c r="A540" s="52" t="s">
        <v>962</v>
      </c>
      <c r="B540" s="55" t="s">
        <v>1719</v>
      </c>
    </row>
    <row r="541" spans="1:2" x14ac:dyDescent="0.2">
      <c r="A541" s="52" t="s">
        <v>963</v>
      </c>
      <c r="B541" s="55" t="s">
        <v>1720</v>
      </c>
    </row>
    <row r="542" spans="1:2" x14ac:dyDescent="0.2">
      <c r="A542" s="52" t="s">
        <v>964</v>
      </c>
      <c r="B542" s="55" t="s">
        <v>1721</v>
      </c>
    </row>
    <row r="543" spans="1:2" x14ac:dyDescent="0.2">
      <c r="A543" s="52" t="s">
        <v>965</v>
      </c>
      <c r="B543" s="55" t="s">
        <v>1722</v>
      </c>
    </row>
    <row r="544" spans="1:2" x14ac:dyDescent="0.2">
      <c r="A544" s="52" t="s">
        <v>966</v>
      </c>
      <c r="B544" s="55" t="s">
        <v>1723</v>
      </c>
    </row>
    <row r="545" spans="1:2" x14ac:dyDescent="0.2">
      <c r="A545" s="52" t="s">
        <v>967</v>
      </c>
      <c r="B545" s="55" t="s">
        <v>1724</v>
      </c>
    </row>
    <row r="546" spans="1:2" x14ac:dyDescent="0.2">
      <c r="A546" s="52" t="s">
        <v>968</v>
      </c>
      <c r="B546" s="55" t="s">
        <v>1725</v>
      </c>
    </row>
    <row r="547" spans="1:2" x14ac:dyDescent="0.2">
      <c r="A547" s="52" t="s">
        <v>969</v>
      </c>
      <c r="B547" s="55" t="s">
        <v>1726</v>
      </c>
    </row>
    <row r="548" spans="1:2" x14ac:dyDescent="0.2">
      <c r="A548" s="52" t="s">
        <v>970</v>
      </c>
      <c r="B548" s="55" t="s">
        <v>1727</v>
      </c>
    </row>
    <row r="549" spans="1:2" x14ac:dyDescent="0.2">
      <c r="A549" s="52" t="s">
        <v>971</v>
      </c>
      <c r="B549" s="55" t="s">
        <v>1728</v>
      </c>
    </row>
    <row r="550" spans="1:2" x14ac:dyDescent="0.2">
      <c r="A550" s="52" t="s">
        <v>972</v>
      </c>
      <c r="B550" s="55" t="s">
        <v>1729</v>
      </c>
    </row>
    <row r="551" spans="1:2" x14ac:dyDescent="0.2">
      <c r="A551" s="52" t="s">
        <v>973</v>
      </c>
      <c r="B551" s="55" t="s">
        <v>1730</v>
      </c>
    </row>
    <row r="552" spans="1:2" x14ac:dyDescent="0.2">
      <c r="A552" s="52" t="s">
        <v>974</v>
      </c>
      <c r="B552" s="55" t="s">
        <v>1731</v>
      </c>
    </row>
    <row r="553" spans="1:2" x14ac:dyDescent="0.2">
      <c r="A553" s="52" t="s">
        <v>975</v>
      </c>
      <c r="B553" s="55" t="s">
        <v>1732</v>
      </c>
    </row>
    <row r="554" spans="1:2" x14ac:dyDescent="0.2">
      <c r="A554" s="52" t="s">
        <v>976</v>
      </c>
      <c r="B554" s="55" t="s">
        <v>1733</v>
      </c>
    </row>
    <row r="555" spans="1:2" x14ac:dyDescent="0.2">
      <c r="A555" s="52" t="s">
        <v>977</v>
      </c>
      <c r="B555" s="55" t="s">
        <v>1734</v>
      </c>
    </row>
    <row r="556" spans="1:2" x14ac:dyDescent="0.2">
      <c r="A556" s="52" t="s">
        <v>978</v>
      </c>
      <c r="B556" s="55" t="s">
        <v>1735</v>
      </c>
    </row>
    <row r="557" spans="1:2" x14ac:dyDescent="0.2">
      <c r="A557" s="52" t="s">
        <v>979</v>
      </c>
      <c r="B557" s="55" t="s">
        <v>1736</v>
      </c>
    </row>
    <row r="558" spans="1:2" x14ac:dyDescent="0.2">
      <c r="A558" s="52" t="s">
        <v>980</v>
      </c>
      <c r="B558" s="55" t="s">
        <v>1737</v>
      </c>
    </row>
    <row r="559" spans="1:2" x14ac:dyDescent="0.2">
      <c r="A559" s="52" t="s">
        <v>981</v>
      </c>
      <c r="B559" s="55" t="s">
        <v>1738</v>
      </c>
    </row>
    <row r="560" spans="1:2" x14ac:dyDescent="0.2">
      <c r="A560" s="52" t="s">
        <v>982</v>
      </c>
      <c r="B560" s="55" t="s">
        <v>1739</v>
      </c>
    </row>
    <row r="561" spans="1:2" x14ac:dyDescent="0.2">
      <c r="A561" s="52" t="s">
        <v>983</v>
      </c>
      <c r="B561" s="55" t="s">
        <v>1740</v>
      </c>
    </row>
    <row r="562" spans="1:2" x14ac:dyDescent="0.2">
      <c r="A562" s="52" t="s">
        <v>984</v>
      </c>
      <c r="B562" s="55" t="s">
        <v>1741</v>
      </c>
    </row>
    <row r="563" spans="1:2" x14ac:dyDescent="0.2">
      <c r="A563" s="52" t="s">
        <v>985</v>
      </c>
      <c r="B563" s="55" t="s">
        <v>1742</v>
      </c>
    </row>
    <row r="564" spans="1:2" x14ac:dyDescent="0.2">
      <c r="A564" s="52" t="s">
        <v>986</v>
      </c>
      <c r="B564" s="55" t="s">
        <v>1743</v>
      </c>
    </row>
    <row r="565" spans="1:2" x14ac:dyDescent="0.2">
      <c r="A565" s="52" t="s">
        <v>987</v>
      </c>
      <c r="B565" s="55" t="s">
        <v>1744</v>
      </c>
    </row>
    <row r="566" spans="1:2" x14ac:dyDescent="0.2">
      <c r="A566" s="52" t="s">
        <v>988</v>
      </c>
      <c r="B566" s="55" t="s">
        <v>1745</v>
      </c>
    </row>
    <row r="567" spans="1:2" x14ac:dyDescent="0.2">
      <c r="A567" s="52" t="s">
        <v>989</v>
      </c>
      <c r="B567" s="55" t="s">
        <v>1746</v>
      </c>
    </row>
    <row r="568" spans="1:2" x14ac:dyDescent="0.2">
      <c r="A568" s="52" t="s">
        <v>990</v>
      </c>
      <c r="B568" s="55" t="s">
        <v>1747</v>
      </c>
    </row>
    <row r="569" spans="1:2" x14ac:dyDescent="0.2">
      <c r="A569" s="52" t="s">
        <v>991</v>
      </c>
      <c r="B569" s="55" t="s">
        <v>1748</v>
      </c>
    </row>
    <row r="570" spans="1:2" x14ac:dyDescent="0.2">
      <c r="A570" s="52" t="s">
        <v>992</v>
      </c>
      <c r="B570" s="55" t="s">
        <v>1749</v>
      </c>
    </row>
    <row r="571" spans="1:2" x14ac:dyDescent="0.2">
      <c r="A571" s="52" t="s">
        <v>993</v>
      </c>
      <c r="B571" s="55" t="s">
        <v>1750</v>
      </c>
    </row>
    <row r="572" spans="1:2" x14ac:dyDescent="0.2">
      <c r="A572" s="52" t="s">
        <v>994</v>
      </c>
      <c r="B572" s="55" t="s">
        <v>1751</v>
      </c>
    </row>
    <row r="573" spans="1:2" x14ac:dyDescent="0.2">
      <c r="A573" s="52" t="s">
        <v>995</v>
      </c>
      <c r="B573" s="55" t="s">
        <v>1708</v>
      </c>
    </row>
    <row r="574" spans="1:2" x14ac:dyDescent="0.2">
      <c r="A574" s="52" t="s">
        <v>996</v>
      </c>
      <c r="B574" s="55" t="s">
        <v>1752</v>
      </c>
    </row>
    <row r="575" spans="1:2" x14ac:dyDescent="0.2">
      <c r="A575" s="52" t="s">
        <v>997</v>
      </c>
      <c r="B575" s="55" t="s">
        <v>1753</v>
      </c>
    </row>
    <row r="576" spans="1:2" x14ac:dyDescent="0.2">
      <c r="A576" s="52" t="s">
        <v>998</v>
      </c>
      <c r="B576" s="55" t="s">
        <v>1754</v>
      </c>
    </row>
    <row r="577" spans="1:2" x14ac:dyDescent="0.2">
      <c r="A577" s="52" t="s">
        <v>999</v>
      </c>
      <c r="B577" s="55" t="s">
        <v>1755</v>
      </c>
    </row>
    <row r="578" spans="1:2" x14ac:dyDescent="0.2">
      <c r="A578" s="52" t="s">
        <v>1000</v>
      </c>
      <c r="B578" s="55" t="s">
        <v>1756</v>
      </c>
    </row>
    <row r="579" spans="1:2" x14ac:dyDescent="0.2">
      <c r="A579" s="52" t="s">
        <v>1001</v>
      </c>
      <c r="B579" s="55" t="s">
        <v>1757</v>
      </c>
    </row>
    <row r="580" spans="1:2" x14ac:dyDescent="0.2">
      <c r="A580" s="52" t="s">
        <v>1002</v>
      </c>
      <c r="B580" s="55" t="s">
        <v>1758</v>
      </c>
    </row>
    <row r="581" spans="1:2" x14ac:dyDescent="0.2">
      <c r="A581" s="52" t="s">
        <v>1003</v>
      </c>
      <c r="B581" s="55" t="s">
        <v>1759</v>
      </c>
    </row>
    <row r="582" spans="1:2" x14ac:dyDescent="0.2">
      <c r="A582" s="52" t="s">
        <v>1004</v>
      </c>
      <c r="B582" s="55" t="s">
        <v>1760</v>
      </c>
    </row>
    <row r="583" spans="1:2" x14ac:dyDescent="0.2">
      <c r="A583" s="52" t="s">
        <v>1005</v>
      </c>
      <c r="B583" s="55" t="s">
        <v>1761</v>
      </c>
    </row>
    <row r="584" spans="1:2" x14ac:dyDescent="0.2">
      <c r="A584" s="52" t="s">
        <v>1006</v>
      </c>
      <c r="B584" s="55" t="s">
        <v>1762</v>
      </c>
    </row>
    <row r="585" spans="1:2" x14ac:dyDescent="0.2">
      <c r="A585" s="52" t="s">
        <v>1007</v>
      </c>
      <c r="B585" s="55" t="s">
        <v>1763</v>
      </c>
    </row>
    <row r="586" spans="1:2" x14ac:dyDescent="0.2">
      <c r="A586" s="52" t="s">
        <v>1008</v>
      </c>
      <c r="B586" s="55" t="s">
        <v>1764</v>
      </c>
    </row>
    <row r="587" spans="1:2" x14ac:dyDescent="0.2">
      <c r="A587" s="52" t="s">
        <v>1009</v>
      </c>
      <c r="B587" s="55" t="s">
        <v>1765</v>
      </c>
    </row>
    <row r="588" spans="1:2" x14ac:dyDescent="0.2">
      <c r="A588" s="52" t="s">
        <v>1010</v>
      </c>
      <c r="B588" s="55" t="s">
        <v>1766</v>
      </c>
    </row>
    <row r="589" spans="1:2" x14ac:dyDescent="0.2">
      <c r="A589" s="52" t="s">
        <v>1011</v>
      </c>
      <c r="B589" s="55" t="s">
        <v>1767</v>
      </c>
    </row>
    <row r="590" spans="1:2" x14ac:dyDescent="0.2">
      <c r="A590" s="52" t="s">
        <v>1012</v>
      </c>
      <c r="B590" s="55" t="s">
        <v>1768</v>
      </c>
    </row>
    <row r="591" spans="1:2" x14ac:dyDescent="0.2">
      <c r="A591" s="52" t="s">
        <v>1013</v>
      </c>
      <c r="B591" s="55" t="s">
        <v>1769</v>
      </c>
    </row>
    <row r="592" spans="1:2" x14ac:dyDescent="0.2">
      <c r="A592" s="52" t="s">
        <v>1014</v>
      </c>
      <c r="B592" s="55" t="s">
        <v>1770</v>
      </c>
    </row>
    <row r="593" spans="1:2" x14ac:dyDescent="0.2">
      <c r="A593" s="52" t="s">
        <v>1015</v>
      </c>
      <c r="B593" s="55" t="s">
        <v>1771</v>
      </c>
    </row>
    <row r="594" spans="1:2" x14ac:dyDescent="0.2">
      <c r="A594" s="52" t="s">
        <v>1016</v>
      </c>
      <c r="B594" s="55" t="s">
        <v>1772</v>
      </c>
    </row>
    <row r="595" spans="1:2" x14ac:dyDescent="0.2">
      <c r="A595" s="52" t="s">
        <v>1017</v>
      </c>
      <c r="B595" s="55" t="s">
        <v>1773</v>
      </c>
    </row>
    <row r="596" spans="1:2" x14ac:dyDescent="0.2">
      <c r="A596" s="52" t="s">
        <v>1018</v>
      </c>
      <c r="B596" s="55" t="s">
        <v>1774</v>
      </c>
    </row>
    <row r="597" spans="1:2" x14ac:dyDescent="0.2">
      <c r="A597" s="52" t="s">
        <v>1019</v>
      </c>
      <c r="B597" s="55" t="s">
        <v>1775</v>
      </c>
    </row>
    <row r="598" spans="1:2" x14ac:dyDescent="0.2">
      <c r="A598" s="52" t="s">
        <v>1020</v>
      </c>
      <c r="B598" s="55" t="s">
        <v>1776</v>
      </c>
    </row>
    <row r="599" spans="1:2" x14ac:dyDescent="0.2">
      <c r="A599" s="52" t="s">
        <v>1021</v>
      </c>
      <c r="B599" s="55" t="s">
        <v>1777</v>
      </c>
    </row>
    <row r="600" spans="1:2" x14ac:dyDescent="0.2">
      <c r="A600" s="52" t="s">
        <v>1022</v>
      </c>
      <c r="B600" s="55" t="s">
        <v>1778</v>
      </c>
    </row>
    <row r="601" spans="1:2" x14ac:dyDescent="0.2">
      <c r="A601" s="52" t="s">
        <v>1023</v>
      </c>
      <c r="B601" s="55" t="s">
        <v>1779</v>
      </c>
    </row>
    <row r="602" spans="1:2" x14ac:dyDescent="0.2">
      <c r="A602" s="52" t="s">
        <v>1024</v>
      </c>
      <c r="B602" s="55" t="s">
        <v>1780</v>
      </c>
    </row>
    <row r="603" spans="1:2" x14ac:dyDescent="0.2">
      <c r="A603" s="52" t="s">
        <v>1025</v>
      </c>
      <c r="B603" s="55" t="s">
        <v>1781</v>
      </c>
    </row>
    <row r="604" spans="1:2" x14ac:dyDescent="0.2">
      <c r="A604" s="52" t="s">
        <v>1026</v>
      </c>
      <c r="B604" s="55" t="s">
        <v>1782</v>
      </c>
    </row>
    <row r="605" spans="1:2" x14ac:dyDescent="0.2">
      <c r="A605" s="52" t="s">
        <v>1027</v>
      </c>
      <c r="B605" s="55" t="s">
        <v>1783</v>
      </c>
    </row>
    <row r="606" spans="1:2" x14ac:dyDescent="0.2">
      <c r="A606" s="52" t="s">
        <v>1028</v>
      </c>
      <c r="B606" s="55" t="s">
        <v>1784</v>
      </c>
    </row>
    <row r="607" spans="1:2" x14ac:dyDescent="0.2">
      <c r="A607" s="52" t="s">
        <v>1029</v>
      </c>
      <c r="B607" s="55" t="s">
        <v>1785</v>
      </c>
    </row>
    <row r="608" spans="1:2" x14ac:dyDescent="0.2">
      <c r="A608" s="52" t="s">
        <v>1030</v>
      </c>
      <c r="B608" s="55" t="s">
        <v>1786</v>
      </c>
    </row>
    <row r="609" spans="1:2" x14ac:dyDescent="0.2">
      <c r="A609" s="52" t="s">
        <v>1031</v>
      </c>
      <c r="B609" s="55" t="s">
        <v>1787</v>
      </c>
    </row>
    <row r="610" spans="1:2" x14ac:dyDescent="0.2">
      <c r="A610" s="52" t="s">
        <v>1032</v>
      </c>
      <c r="B610" s="55" t="s">
        <v>1788</v>
      </c>
    </row>
    <row r="611" spans="1:2" x14ac:dyDescent="0.2">
      <c r="A611" s="52" t="s">
        <v>1033</v>
      </c>
      <c r="B611" s="55" t="s">
        <v>1789</v>
      </c>
    </row>
    <row r="612" spans="1:2" x14ac:dyDescent="0.2">
      <c r="A612" s="52" t="s">
        <v>1034</v>
      </c>
      <c r="B612" s="55" t="s">
        <v>1790</v>
      </c>
    </row>
    <row r="613" spans="1:2" x14ac:dyDescent="0.2">
      <c r="A613" s="52" t="s">
        <v>1035</v>
      </c>
      <c r="B613" s="55" t="s">
        <v>1708</v>
      </c>
    </row>
    <row r="614" spans="1:2" x14ac:dyDescent="0.2">
      <c r="A614" s="52" t="s">
        <v>1036</v>
      </c>
      <c r="B614" s="55" t="s">
        <v>1791</v>
      </c>
    </row>
    <row r="615" spans="1:2" x14ac:dyDescent="0.2">
      <c r="A615" s="52" t="s">
        <v>1037</v>
      </c>
      <c r="B615" s="55" t="s">
        <v>1792</v>
      </c>
    </row>
    <row r="616" spans="1:2" x14ac:dyDescent="0.2">
      <c r="A616" s="52" t="s">
        <v>1038</v>
      </c>
      <c r="B616" s="55" t="s">
        <v>1793</v>
      </c>
    </row>
    <row r="617" spans="1:2" x14ac:dyDescent="0.2">
      <c r="A617" s="52" t="s">
        <v>1039</v>
      </c>
      <c r="B617" s="55" t="s">
        <v>1794</v>
      </c>
    </row>
    <row r="618" spans="1:2" x14ac:dyDescent="0.2">
      <c r="A618" s="52" t="s">
        <v>1040</v>
      </c>
      <c r="B618" s="55" t="s">
        <v>1795</v>
      </c>
    </row>
    <row r="619" spans="1:2" x14ac:dyDescent="0.2">
      <c r="A619" s="52" t="s">
        <v>1041</v>
      </c>
      <c r="B619" s="55" t="s">
        <v>1796</v>
      </c>
    </row>
    <row r="620" spans="1:2" x14ac:dyDescent="0.2">
      <c r="A620" s="52" t="s">
        <v>1042</v>
      </c>
      <c r="B620" s="55" t="s">
        <v>1797</v>
      </c>
    </row>
    <row r="621" spans="1:2" x14ac:dyDescent="0.2">
      <c r="A621" s="52" t="s">
        <v>1043</v>
      </c>
      <c r="B621" s="55" t="s">
        <v>1798</v>
      </c>
    </row>
    <row r="622" spans="1:2" x14ac:dyDescent="0.2">
      <c r="A622" s="52" t="s">
        <v>1044</v>
      </c>
      <c r="B622" s="55" t="s">
        <v>1799</v>
      </c>
    </row>
    <row r="623" spans="1:2" x14ac:dyDescent="0.2">
      <c r="A623" s="52" t="s">
        <v>1045</v>
      </c>
      <c r="B623" s="55" t="s">
        <v>1800</v>
      </c>
    </row>
    <row r="624" spans="1:2" x14ac:dyDescent="0.2">
      <c r="A624" s="52" t="s">
        <v>1046</v>
      </c>
      <c r="B624" s="55" t="s">
        <v>1801</v>
      </c>
    </row>
    <row r="625" spans="1:2" x14ac:dyDescent="0.2">
      <c r="A625" s="52" t="s">
        <v>1047</v>
      </c>
      <c r="B625" s="55" t="s">
        <v>1802</v>
      </c>
    </row>
    <row r="626" spans="1:2" x14ac:dyDescent="0.2">
      <c r="A626" s="52" t="s">
        <v>1048</v>
      </c>
      <c r="B626" s="55" t="s">
        <v>1803</v>
      </c>
    </row>
    <row r="627" spans="1:2" x14ac:dyDescent="0.2">
      <c r="A627" s="52" t="s">
        <v>1049</v>
      </c>
      <c r="B627" s="55" t="s">
        <v>1804</v>
      </c>
    </row>
    <row r="628" spans="1:2" x14ac:dyDescent="0.2">
      <c r="A628" s="52" t="s">
        <v>1050</v>
      </c>
      <c r="B628" s="55" t="s">
        <v>1805</v>
      </c>
    </row>
    <row r="629" spans="1:2" x14ac:dyDescent="0.2">
      <c r="A629" s="52" t="s">
        <v>1051</v>
      </c>
      <c r="B629" s="55" t="s">
        <v>1806</v>
      </c>
    </row>
    <row r="630" spans="1:2" x14ac:dyDescent="0.2">
      <c r="A630" s="52" t="s">
        <v>1052</v>
      </c>
      <c r="B630" s="55" t="s">
        <v>1807</v>
      </c>
    </row>
    <row r="631" spans="1:2" x14ac:dyDescent="0.2">
      <c r="A631" s="52" t="s">
        <v>1053</v>
      </c>
      <c r="B631" s="55" t="s">
        <v>1808</v>
      </c>
    </row>
    <row r="632" spans="1:2" x14ac:dyDescent="0.2">
      <c r="A632" s="52" t="s">
        <v>1054</v>
      </c>
      <c r="B632" s="55" t="s">
        <v>1809</v>
      </c>
    </row>
    <row r="633" spans="1:2" x14ac:dyDescent="0.2">
      <c r="A633" s="52" t="s">
        <v>1055</v>
      </c>
      <c r="B633" s="55" t="s">
        <v>1810</v>
      </c>
    </row>
    <row r="634" spans="1:2" x14ac:dyDescent="0.2">
      <c r="A634" s="52" t="s">
        <v>1056</v>
      </c>
      <c r="B634" s="55" t="s">
        <v>1811</v>
      </c>
    </row>
    <row r="635" spans="1:2" x14ac:dyDescent="0.2">
      <c r="A635" s="52" t="s">
        <v>1057</v>
      </c>
      <c r="B635" s="55" t="s">
        <v>1812</v>
      </c>
    </row>
    <row r="636" spans="1:2" x14ac:dyDescent="0.2">
      <c r="A636" s="52" t="s">
        <v>1058</v>
      </c>
      <c r="B636" s="55" t="s">
        <v>1813</v>
      </c>
    </row>
    <row r="637" spans="1:2" x14ac:dyDescent="0.2">
      <c r="A637" s="52" t="s">
        <v>1059</v>
      </c>
      <c r="B637" s="55" t="s">
        <v>1814</v>
      </c>
    </row>
    <row r="638" spans="1:2" x14ac:dyDescent="0.2">
      <c r="A638" s="52" t="s">
        <v>1060</v>
      </c>
      <c r="B638" s="55" t="s">
        <v>1815</v>
      </c>
    </row>
    <row r="639" spans="1:2" x14ac:dyDescent="0.2">
      <c r="A639" s="52" t="s">
        <v>1061</v>
      </c>
      <c r="B639" s="55" t="s">
        <v>1816</v>
      </c>
    </row>
    <row r="640" spans="1:2" x14ac:dyDescent="0.2">
      <c r="A640" s="52" t="s">
        <v>1062</v>
      </c>
      <c r="B640" s="55" t="s">
        <v>1817</v>
      </c>
    </row>
    <row r="641" spans="1:2" x14ac:dyDescent="0.2">
      <c r="A641" s="52" t="s">
        <v>1063</v>
      </c>
      <c r="B641" s="55" t="s">
        <v>1818</v>
      </c>
    </row>
    <row r="642" spans="1:2" x14ac:dyDescent="0.2">
      <c r="A642" s="52" t="s">
        <v>1064</v>
      </c>
      <c r="B642" s="55" t="s">
        <v>1819</v>
      </c>
    </row>
    <row r="643" spans="1:2" x14ac:dyDescent="0.2">
      <c r="A643" s="52" t="s">
        <v>1065</v>
      </c>
      <c r="B643" s="55" t="s">
        <v>1820</v>
      </c>
    </row>
    <row r="644" spans="1:2" x14ac:dyDescent="0.2">
      <c r="A644" s="52" t="s">
        <v>1066</v>
      </c>
      <c r="B644" s="55" t="s">
        <v>1821</v>
      </c>
    </row>
    <row r="645" spans="1:2" x14ac:dyDescent="0.2">
      <c r="A645" s="52" t="s">
        <v>1067</v>
      </c>
      <c r="B645" s="55" t="s">
        <v>1822</v>
      </c>
    </row>
    <row r="646" spans="1:2" x14ac:dyDescent="0.2">
      <c r="A646" s="52" t="s">
        <v>1068</v>
      </c>
      <c r="B646" s="55" t="s">
        <v>1823</v>
      </c>
    </row>
    <row r="647" spans="1:2" x14ac:dyDescent="0.2">
      <c r="A647" s="52" t="s">
        <v>1069</v>
      </c>
      <c r="B647" s="55" t="s">
        <v>1824</v>
      </c>
    </row>
    <row r="648" spans="1:2" x14ac:dyDescent="0.2">
      <c r="A648" s="52" t="s">
        <v>1070</v>
      </c>
      <c r="B648" s="55" t="s">
        <v>1825</v>
      </c>
    </row>
    <row r="649" spans="1:2" x14ac:dyDescent="0.2">
      <c r="A649" s="52" t="s">
        <v>1071</v>
      </c>
      <c r="B649" s="55" t="s">
        <v>1826</v>
      </c>
    </row>
    <row r="650" spans="1:2" x14ac:dyDescent="0.2">
      <c r="A650" s="52" t="s">
        <v>1072</v>
      </c>
      <c r="B650" s="55" t="s">
        <v>1827</v>
      </c>
    </row>
    <row r="651" spans="1:2" x14ac:dyDescent="0.2">
      <c r="A651" s="52" t="s">
        <v>1073</v>
      </c>
      <c r="B651" s="55" t="s">
        <v>1828</v>
      </c>
    </row>
    <row r="652" spans="1:2" x14ac:dyDescent="0.2">
      <c r="A652" s="52" t="s">
        <v>1074</v>
      </c>
      <c r="B652" s="55" t="s">
        <v>1829</v>
      </c>
    </row>
    <row r="653" spans="1:2" x14ac:dyDescent="0.2">
      <c r="A653" s="52" t="s">
        <v>1075</v>
      </c>
      <c r="B653" s="55" t="s">
        <v>1830</v>
      </c>
    </row>
    <row r="654" spans="1:2" x14ac:dyDescent="0.2">
      <c r="A654" s="52" t="s">
        <v>1076</v>
      </c>
      <c r="B654" s="55" t="s">
        <v>1831</v>
      </c>
    </row>
    <row r="655" spans="1:2" x14ac:dyDescent="0.2">
      <c r="A655" s="52" t="s">
        <v>1077</v>
      </c>
      <c r="B655" s="55" t="s">
        <v>1832</v>
      </c>
    </row>
    <row r="656" spans="1:2" x14ac:dyDescent="0.2">
      <c r="A656" s="52" t="s">
        <v>1078</v>
      </c>
      <c r="B656" s="55" t="s">
        <v>1833</v>
      </c>
    </row>
    <row r="657" spans="1:2" x14ac:dyDescent="0.2">
      <c r="A657" s="52" t="s">
        <v>1079</v>
      </c>
      <c r="B657" s="55" t="s">
        <v>1819</v>
      </c>
    </row>
    <row r="658" spans="1:2" x14ac:dyDescent="0.2">
      <c r="A658" s="52" t="s">
        <v>1080</v>
      </c>
      <c r="B658" s="55" t="s">
        <v>1834</v>
      </c>
    </row>
    <row r="659" spans="1:2" x14ac:dyDescent="0.2">
      <c r="A659" s="52" t="s">
        <v>1081</v>
      </c>
      <c r="B659" s="55" t="s">
        <v>1835</v>
      </c>
    </row>
    <row r="660" spans="1:2" x14ac:dyDescent="0.2">
      <c r="A660" s="52" t="s">
        <v>1082</v>
      </c>
      <c r="B660" s="55" t="s">
        <v>1836</v>
      </c>
    </row>
    <row r="661" spans="1:2" x14ac:dyDescent="0.2">
      <c r="A661" s="52" t="s">
        <v>1083</v>
      </c>
      <c r="B661" s="55" t="s">
        <v>1837</v>
      </c>
    </row>
    <row r="662" spans="1:2" x14ac:dyDescent="0.2">
      <c r="A662" s="52" t="s">
        <v>1084</v>
      </c>
      <c r="B662" s="55" t="s">
        <v>1838</v>
      </c>
    </row>
    <row r="663" spans="1:2" x14ac:dyDescent="0.2">
      <c r="A663" s="52" t="s">
        <v>1085</v>
      </c>
      <c r="B663" s="55" t="s">
        <v>1839</v>
      </c>
    </row>
    <row r="664" spans="1:2" x14ac:dyDescent="0.2">
      <c r="A664" s="52" t="s">
        <v>1086</v>
      </c>
      <c r="B664" s="55" t="s">
        <v>1840</v>
      </c>
    </row>
    <row r="665" spans="1:2" x14ac:dyDescent="0.2">
      <c r="A665" s="52" t="s">
        <v>1087</v>
      </c>
      <c r="B665" s="55" t="s">
        <v>1841</v>
      </c>
    </row>
    <row r="666" spans="1:2" x14ac:dyDescent="0.2">
      <c r="A666" s="52" t="s">
        <v>1088</v>
      </c>
      <c r="B666" s="55" t="s">
        <v>1842</v>
      </c>
    </row>
    <row r="667" spans="1:2" x14ac:dyDescent="0.2">
      <c r="A667" s="52" t="s">
        <v>1089</v>
      </c>
      <c r="B667" s="55" t="s">
        <v>1647</v>
      </c>
    </row>
    <row r="668" spans="1:2" x14ac:dyDescent="0.2">
      <c r="A668" s="52" t="s">
        <v>1090</v>
      </c>
      <c r="B668" s="55" t="s">
        <v>1843</v>
      </c>
    </row>
    <row r="669" spans="1:2" x14ac:dyDescent="0.2">
      <c r="A669" s="52" t="s">
        <v>1091</v>
      </c>
      <c r="B669" s="55" t="s">
        <v>1819</v>
      </c>
    </row>
    <row r="670" spans="1:2" x14ac:dyDescent="0.2">
      <c r="A670" s="52" t="s">
        <v>1092</v>
      </c>
      <c r="B670" s="55" t="s">
        <v>1844</v>
      </c>
    </row>
    <row r="671" spans="1:2" x14ac:dyDescent="0.2">
      <c r="A671" s="52" t="s">
        <v>1093</v>
      </c>
      <c r="B671" s="55" t="s">
        <v>1845</v>
      </c>
    </row>
    <row r="672" spans="1:2" x14ac:dyDescent="0.2">
      <c r="A672" s="52" t="s">
        <v>1094</v>
      </c>
      <c r="B672" s="55" t="s">
        <v>1846</v>
      </c>
    </row>
    <row r="673" spans="1:2" x14ac:dyDescent="0.2">
      <c r="A673" s="52" t="s">
        <v>1095</v>
      </c>
      <c r="B673" s="55" t="s">
        <v>1847</v>
      </c>
    </row>
    <row r="674" spans="1:2" x14ac:dyDescent="0.2">
      <c r="A674" s="52" t="s">
        <v>1096</v>
      </c>
      <c r="B674" s="55" t="s">
        <v>1848</v>
      </c>
    </row>
    <row r="675" spans="1:2" x14ac:dyDescent="0.2">
      <c r="A675" s="52" t="s">
        <v>1097</v>
      </c>
      <c r="B675" s="55" t="s">
        <v>1849</v>
      </c>
    </row>
    <row r="676" spans="1:2" x14ac:dyDescent="0.2">
      <c r="A676" s="52" t="s">
        <v>1098</v>
      </c>
      <c r="B676" s="55" t="s">
        <v>1850</v>
      </c>
    </row>
    <row r="677" spans="1:2" x14ac:dyDescent="0.2">
      <c r="A677" s="52" t="s">
        <v>1099</v>
      </c>
      <c r="B677" s="55" t="s">
        <v>1851</v>
      </c>
    </row>
    <row r="678" spans="1:2" x14ac:dyDescent="0.2">
      <c r="A678" s="52" t="s">
        <v>1100</v>
      </c>
      <c r="B678" s="55" t="s">
        <v>1852</v>
      </c>
    </row>
    <row r="679" spans="1:2" x14ac:dyDescent="0.2">
      <c r="A679" s="52" t="s">
        <v>1101</v>
      </c>
      <c r="B679" s="55" t="s">
        <v>1853</v>
      </c>
    </row>
    <row r="680" spans="1:2" x14ac:dyDescent="0.2">
      <c r="A680" s="52" t="s">
        <v>1102</v>
      </c>
      <c r="B680" s="55" t="s">
        <v>1854</v>
      </c>
    </row>
    <row r="681" spans="1:2" x14ac:dyDescent="0.2">
      <c r="A681" s="52" t="s">
        <v>1103</v>
      </c>
      <c r="B681" s="55" t="s">
        <v>1855</v>
      </c>
    </row>
    <row r="682" spans="1:2" x14ac:dyDescent="0.2">
      <c r="A682" s="52" t="s">
        <v>1104</v>
      </c>
      <c r="B682" s="55" t="s">
        <v>1856</v>
      </c>
    </row>
    <row r="683" spans="1:2" x14ac:dyDescent="0.2">
      <c r="A683" s="52" t="s">
        <v>1105</v>
      </c>
      <c r="B683" s="55" t="s">
        <v>1857</v>
      </c>
    </row>
    <row r="684" spans="1:2" x14ac:dyDescent="0.2">
      <c r="A684" s="52" t="s">
        <v>1106</v>
      </c>
      <c r="B684" s="55" t="s">
        <v>1858</v>
      </c>
    </row>
    <row r="685" spans="1:2" x14ac:dyDescent="0.2">
      <c r="A685" s="52" t="s">
        <v>1107</v>
      </c>
      <c r="B685" s="55" t="s">
        <v>1859</v>
      </c>
    </row>
    <row r="686" spans="1:2" x14ac:dyDescent="0.2">
      <c r="A686" s="52" t="s">
        <v>1108</v>
      </c>
      <c r="B686" s="55" t="s">
        <v>1860</v>
      </c>
    </row>
    <row r="687" spans="1:2" x14ac:dyDescent="0.2">
      <c r="A687" s="52" t="s">
        <v>1109</v>
      </c>
      <c r="B687" s="55" t="s">
        <v>1861</v>
      </c>
    </row>
    <row r="688" spans="1:2" x14ac:dyDescent="0.2">
      <c r="A688" s="52" t="s">
        <v>1110</v>
      </c>
      <c r="B688" s="55" t="s">
        <v>1862</v>
      </c>
    </row>
    <row r="689" spans="1:2" x14ac:dyDescent="0.2">
      <c r="A689" s="52" t="s">
        <v>1111</v>
      </c>
      <c r="B689" s="55" t="s">
        <v>1863</v>
      </c>
    </row>
    <row r="690" spans="1:2" x14ac:dyDescent="0.2">
      <c r="A690" s="52" t="s">
        <v>1112</v>
      </c>
      <c r="B690" s="55" t="s">
        <v>1864</v>
      </c>
    </row>
    <row r="691" spans="1:2" x14ac:dyDescent="0.2">
      <c r="A691" s="52" t="s">
        <v>1113</v>
      </c>
      <c r="B691" s="55" t="s">
        <v>1865</v>
      </c>
    </row>
    <row r="692" spans="1:2" x14ac:dyDescent="0.2">
      <c r="A692" s="52" t="s">
        <v>1114</v>
      </c>
      <c r="B692" s="55" t="s">
        <v>1866</v>
      </c>
    </row>
    <row r="693" spans="1:2" x14ac:dyDescent="0.2">
      <c r="A693" s="52" t="s">
        <v>1115</v>
      </c>
      <c r="B693" s="55" t="s">
        <v>1867</v>
      </c>
    </row>
    <row r="694" spans="1:2" x14ac:dyDescent="0.2">
      <c r="A694" s="52" t="s">
        <v>1116</v>
      </c>
      <c r="B694" s="55" t="s">
        <v>1868</v>
      </c>
    </row>
    <row r="695" spans="1:2" x14ac:dyDescent="0.2">
      <c r="A695" s="52" t="s">
        <v>1117</v>
      </c>
      <c r="B695" s="55" t="s">
        <v>1869</v>
      </c>
    </row>
    <row r="696" spans="1:2" x14ac:dyDescent="0.2">
      <c r="A696" s="52" t="s">
        <v>1118</v>
      </c>
      <c r="B696" s="55" t="s">
        <v>1870</v>
      </c>
    </row>
    <row r="697" spans="1:2" x14ac:dyDescent="0.2">
      <c r="A697" s="52" t="s">
        <v>1119</v>
      </c>
      <c r="B697" s="55" t="s">
        <v>1871</v>
      </c>
    </row>
    <row r="698" spans="1:2" x14ac:dyDescent="0.2">
      <c r="A698" s="52" t="s">
        <v>1120</v>
      </c>
      <c r="B698" s="55" t="s">
        <v>1872</v>
      </c>
    </row>
    <row r="699" spans="1:2" x14ac:dyDescent="0.2">
      <c r="A699" s="52" t="s">
        <v>1121</v>
      </c>
      <c r="B699" s="55" t="s">
        <v>1873</v>
      </c>
    </row>
    <row r="700" spans="1:2" x14ac:dyDescent="0.2">
      <c r="A700" s="52" t="s">
        <v>1122</v>
      </c>
      <c r="B700" s="55" t="s">
        <v>1874</v>
      </c>
    </row>
    <row r="701" spans="1:2" x14ac:dyDescent="0.2">
      <c r="A701" s="52" t="s">
        <v>1123</v>
      </c>
      <c r="B701" s="55" t="s">
        <v>1875</v>
      </c>
    </row>
    <row r="702" spans="1:2" x14ac:dyDescent="0.2">
      <c r="A702" s="52" t="s">
        <v>1124</v>
      </c>
      <c r="B702" s="55" t="s">
        <v>1876</v>
      </c>
    </row>
    <row r="703" spans="1:2" x14ac:dyDescent="0.2">
      <c r="A703" s="52" t="s">
        <v>1125</v>
      </c>
      <c r="B703" s="55" t="s">
        <v>1676</v>
      </c>
    </row>
    <row r="704" spans="1:2" x14ac:dyDescent="0.2">
      <c r="A704" s="52" t="s">
        <v>1126</v>
      </c>
      <c r="B704" s="55" t="s">
        <v>1877</v>
      </c>
    </row>
    <row r="705" spans="1:2" x14ac:dyDescent="0.2">
      <c r="A705" s="52" t="s">
        <v>1127</v>
      </c>
      <c r="B705" s="55" t="s">
        <v>1878</v>
      </c>
    </row>
    <row r="706" spans="1:2" x14ac:dyDescent="0.2">
      <c r="A706" s="52" t="s">
        <v>1128</v>
      </c>
      <c r="B706" s="55" t="s">
        <v>1879</v>
      </c>
    </row>
    <row r="707" spans="1:2" x14ac:dyDescent="0.2">
      <c r="A707" s="52" t="s">
        <v>1129</v>
      </c>
      <c r="B707" s="55" t="s">
        <v>1880</v>
      </c>
    </row>
    <row r="708" spans="1:2" x14ac:dyDescent="0.2">
      <c r="A708" s="52" t="s">
        <v>1130</v>
      </c>
      <c r="B708" s="55" t="s">
        <v>1881</v>
      </c>
    </row>
    <row r="709" spans="1:2" x14ac:dyDescent="0.2">
      <c r="A709" s="52" t="s">
        <v>1131</v>
      </c>
      <c r="B709" s="55" t="s">
        <v>1882</v>
      </c>
    </row>
    <row r="710" spans="1:2" x14ac:dyDescent="0.2">
      <c r="A710" s="52" t="s">
        <v>1132</v>
      </c>
      <c r="B710" s="55" t="s">
        <v>1883</v>
      </c>
    </row>
    <row r="711" spans="1:2" x14ac:dyDescent="0.2">
      <c r="A711" s="52" t="s">
        <v>1133</v>
      </c>
      <c r="B711" s="55" t="s">
        <v>1884</v>
      </c>
    </row>
    <row r="712" spans="1:2" x14ac:dyDescent="0.2">
      <c r="A712" s="52" t="s">
        <v>1134</v>
      </c>
      <c r="B712" s="55" t="s">
        <v>1885</v>
      </c>
    </row>
    <row r="713" spans="1:2" x14ac:dyDescent="0.2">
      <c r="A713" s="52" t="s">
        <v>1135</v>
      </c>
      <c r="B713" s="55" t="s">
        <v>1886</v>
      </c>
    </row>
    <row r="714" spans="1:2" x14ac:dyDescent="0.2">
      <c r="A714" s="52" t="s">
        <v>1136</v>
      </c>
      <c r="B714" s="55" t="s">
        <v>1720</v>
      </c>
    </row>
    <row r="715" spans="1:2" x14ac:dyDescent="0.2">
      <c r="A715" s="52" t="s">
        <v>1137</v>
      </c>
      <c r="B715" s="55" t="s">
        <v>1887</v>
      </c>
    </row>
    <row r="716" spans="1:2" x14ac:dyDescent="0.2">
      <c r="A716" s="52" t="s">
        <v>1138</v>
      </c>
      <c r="B716" s="55" t="s">
        <v>1835</v>
      </c>
    </row>
    <row r="717" spans="1:2" x14ac:dyDescent="0.2">
      <c r="A717" s="52" t="s">
        <v>1139</v>
      </c>
      <c r="B717" s="55" t="s">
        <v>1888</v>
      </c>
    </row>
    <row r="718" spans="1:2" x14ac:dyDescent="0.2">
      <c r="A718" s="52" t="s">
        <v>1140</v>
      </c>
      <c r="B718" s="55" t="s">
        <v>1889</v>
      </c>
    </row>
    <row r="719" spans="1:2" x14ac:dyDescent="0.2">
      <c r="A719" s="52" t="s">
        <v>1141</v>
      </c>
      <c r="B719" s="55" t="s">
        <v>1890</v>
      </c>
    </row>
    <row r="720" spans="1:2" x14ac:dyDescent="0.2">
      <c r="A720" s="52" t="s">
        <v>1142</v>
      </c>
      <c r="B720" s="55" t="s">
        <v>1891</v>
      </c>
    </row>
    <row r="721" spans="1:2" x14ac:dyDescent="0.2">
      <c r="A721" s="52" t="s">
        <v>1143</v>
      </c>
      <c r="B721" s="55" t="s">
        <v>1892</v>
      </c>
    </row>
    <row r="722" spans="1:2" x14ac:dyDescent="0.2">
      <c r="A722" s="52" t="s">
        <v>1144</v>
      </c>
      <c r="B722" s="55" t="s">
        <v>1893</v>
      </c>
    </row>
    <row r="723" spans="1:2" x14ac:dyDescent="0.2">
      <c r="A723" s="52" t="s">
        <v>1145</v>
      </c>
      <c r="B723" s="55" t="s">
        <v>1894</v>
      </c>
    </row>
    <row r="724" spans="1:2" x14ac:dyDescent="0.2">
      <c r="A724" s="52" t="s">
        <v>1146</v>
      </c>
      <c r="B724" s="55" t="s">
        <v>1895</v>
      </c>
    </row>
    <row r="725" spans="1:2" x14ac:dyDescent="0.2">
      <c r="A725" s="52" t="s">
        <v>1147</v>
      </c>
      <c r="B725" s="55" t="s">
        <v>1896</v>
      </c>
    </row>
    <row r="726" spans="1:2" x14ac:dyDescent="0.2">
      <c r="A726" s="52" t="s">
        <v>1148</v>
      </c>
      <c r="B726" s="55" t="s">
        <v>1897</v>
      </c>
    </row>
    <row r="727" spans="1:2" x14ac:dyDescent="0.2">
      <c r="A727" s="52" t="s">
        <v>1149</v>
      </c>
      <c r="B727" s="55" t="s">
        <v>1898</v>
      </c>
    </row>
    <row r="728" spans="1:2" x14ac:dyDescent="0.2">
      <c r="A728" s="52" t="s">
        <v>1150</v>
      </c>
      <c r="B728" s="55" t="s">
        <v>1899</v>
      </c>
    </row>
    <row r="729" spans="1:2" x14ac:dyDescent="0.2">
      <c r="A729" s="52" t="s">
        <v>1151</v>
      </c>
      <c r="B729" s="55" t="s">
        <v>1900</v>
      </c>
    </row>
    <row r="730" spans="1:2" x14ac:dyDescent="0.2">
      <c r="A730" s="52" t="s">
        <v>1152</v>
      </c>
      <c r="B730" s="55" t="s">
        <v>1901</v>
      </c>
    </row>
    <row r="731" spans="1:2" x14ac:dyDescent="0.2">
      <c r="A731" s="52" t="s">
        <v>1153</v>
      </c>
      <c r="B731" s="55" t="s">
        <v>1902</v>
      </c>
    </row>
    <row r="732" spans="1:2" x14ac:dyDescent="0.2">
      <c r="A732" s="52" t="s">
        <v>1154</v>
      </c>
      <c r="B732" s="55" t="s">
        <v>1903</v>
      </c>
    </row>
    <row r="733" spans="1:2" x14ac:dyDescent="0.2">
      <c r="A733" s="52" t="s">
        <v>1155</v>
      </c>
      <c r="B733" s="55" t="s">
        <v>1904</v>
      </c>
    </row>
    <row r="734" spans="1:2" x14ac:dyDescent="0.2">
      <c r="A734" s="52" t="s">
        <v>1156</v>
      </c>
      <c r="B734" s="55" t="s">
        <v>1905</v>
      </c>
    </row>
    <row r="735" spans="1:2" x14ac:dyDescent="0.2">
      <c r="A735" s="52" t="s">
        <v>1157</v>
      </c>
      <c r="B735" s="55" t="s">
        <v>1906</v>
      </c>
    </row>
    <row r="736" spans="1:2" x14ac:dyDescent="0.2">
      <c r="A736" s="52" t="s">
        <v>1158</v>
      </c>
      <c r="B736" s="55" t="s">
        <v>1907</v>
      </c>
    </row>
    <row r="737" spans="1:2" x14ac:dyDescent="0.2">
      <c r="A737" s="52" t="s">
        <v>1159</v>
      </c>
      <c r="B737" s="55" t="s">
        <v>1908</v>
      </c>
    </row>
    <row r="738" spans="1:2" x14ac:dyDescent="0.2">
      <c r="A738" s="52" t="s">
        <v>1160</v>
      </c>
      <c r="B738" s="55" t="s">
        <v>1909</v>
      </c>
    </row>
    <row r="739" spans="1:2" x14ac:dyDescent="0.2">
      <c r="A739" s="52" t="s">
        <v>1161</v>
      </c>
      <c r="B739" s="55" t="s">
        <v>1910</v>
      </c>
    </row>
    <row r="740" spans="1:2" x14ac:dyDescent="0.2">
      <c r="A740" s="52" t="s">
        <v>1162</v>
      </c>
      <c r="B740" s="55" t="s">
        <v>1911</v>
      </c>
    </row>
    <row r="741" spans="1:2" x14ac:dyDescent="0.2">
      <c r="A741" s="52" t="s">
        <v>1163</v>
      </c>
      <c r="B741" s="55" t="s">
        <v>1912</v>
      </c>
    </row>
    <row r="742" spans="1:2" x14ac:dyDescent="0.2">
      <c r="A742" s="52" t="s">
        <v>1164</v>
      </c>
      <c r="B742" s="55" t="s">
        <v>1913</v>
      </c>
    </row>
    <row r="743" spans="1:2" x14ac:dyDescent="0.2">
      <c r="A743" s="52" t="s">
        <v>1165</v>
      </c>
      <c r="B743" s="55" t="s">
        <v>1914</v>
      </c>
    </row>
    <row r="744" spans="1:2" x14ac:dyDescent="0.2">
      <c r="A744" s="52" t="s">
        <v>1166</v>
      </c>
      <c r="B744" s="55" t="s">
        <v>1915</v>
      </c>
    </row>
    <row r="745" spans="1:2" x14ac:dyDescent="0.2">
      <c r="A745" s="52" t="s">
        <v>1167</v>
      </c>
      <c r="B745" s="55" t="s">
        <v>1916</v>
      </c>
    </row>
    <row r="746" spans="1:2" x14ac:dyDescent="0.2">
      <c r="A746" s="52" t="s">
        <v>1168</v>
      </c>
      <c r="B746" s="55" t="s">
        <v>1917</v>
      </c>
    </row>
    <row r="747" spans="1:2" x14ac:dyDescent="0.2">
      <c r="A747" s="52" t="s">
        <v>1169</v>
      </c>
      <c r="B747" s="55" t="s">
        <v>1918</v>
      </c>
    </row>
    <row r="748" spans="1:2" x14ac:dyDescent="0.2">
      <c r="A748" s="52" t="s">
        <v>1170</v>
      </c>
      <c r="B748" s="55" t="s">
        <v>1919</v>
      </c>
    </row>
    <row r="749" spans="1:2" x14ac:dyDescent="0.2">
      <c r="A749" s="52" t="s">
        <v>1171</v>
      </c>
      <c r="B749" s="55" t="s">
        <v>1920</v>
      </c>
    </row>
    <row r="750" spans="1:2" x14ac:dyDescent="0.2">
      <c r="A750" s="52" t="s">
        <v>1172</v>
      </c>
      <c r="B750" s="55" t="s">
        <v>1921</v>
      </c>
    </row>
    <row r="751" spans="1:2" x14ac:dyDescent="0.2">
      <c r="A751" s="52" t="s">
        <v>1173</v>
      </c>
      <c r="B751" s="55" t="s">
        <v>1922</v>
      </c>
    </row>
    <row r="752" spans="1:2" x14ac:dyDescent="0.2">
      <c r="A752" s="52" t="s">
        <v>1174</v>
      </c>
      <c r="B752" s="55" t="s">
        <v>1923</v>
      </c>
    </row>
    <row r="753" spans="1:2" x14ac:dyDescent="0.2">
      <c r="A753" s="52" t="s">
        <v>1175</v>
      </c>
      <c r="B753" s="55" t="s">
        <v>1924</v>
      </c>
    </row>
    <row r="754" spans="1:2" x14ac:dyDescent="0.2">
      <c r="A754" s="52" t="s">
        <v>1176</v>
      </c>
      <c r="B754" s="55" t="s">
        <v>1925</v>
      </c>
    </row>
    <row r="755" spans="1:2" x14ac:dyDescent="0.2">
      <c r="A755" s="52" t="s">
        <v>1177</v>
      </c>
      <c r="B755" s="55" t="s">
        <v>1926</v>
      </c>
    </row>
    <row r="756" spans="1:2" x14ac:dyDescent="0.2">
      <c r="A756" s="52" t="s">
        <v>1178</v>
      </c>
      <c r="B756" s="55" t="s">
        <v>1927</v>
      </c>
    </row>
    <row r="757" spans="1:2" x14ac:dyDescent="0.2">
      <c r="A757" s="52" t="s">
        <v>1179</v>
      </c>
      <c r="B757" s="55" t="s">
        <v>1928</v>
      </c>
    </row>
    <row r="758" spans="1:2" x14ac:dyDescent="0.2">
      <c r="A758" s="52" t="s">
        <v>1180</v>
      </c>
      <c r="B758" s="55" t="s">
        <v>1929</v>
      </c>
    </row>
    <row r="759" spans="1:2" x14ac:dyDescent="0.2">
      <c r="A759" s="52" t="s">
        <v>1181</v>
      </c>
      <c r="B759" s="55" t="s">
        <v>1930</v>
      </c>
    </row>
    <row r="760" spans="1:2" x14ac:dyDescent="0.2">
      <c r="A760" s="52" t="s">
        <v>1182</v>
      </c>
      <c r="B760" s="55" t="s">
        <v>1931</v>
      </c>
    </row>
    <row r="761" spans="1:2" x14ac:dyDescent="0.2">
      <c r="A761" s="52" t="s">
        <v>1183</v>
      </c>
      <c r="B761" s="55" t="s">
        <v>1829</v>
      </c>
    </row>
    <row r="762" spans="1:2" x14ac:dyDescent="0.2">
      <c r="A762" s="52" t="s">
        <v>1184</v>
      </c>
      <c r="B762" s="55" t="s">
        <v>1932</v>
      </c>
    </row>
    <row r="763" spans="1:2" x14ac:dyDescent="0.2">
      <c r="A763" s="52" t="s">
        <v>1185</v>
      </c>
      <c r="B763" s="55" t="s">
        <v>1933</v>
      </c>
    </row>
    <row r="764" spans="1:2" x14ac:dyDescent="0.2">
      <c r="A764" s="52" t="s">
        <v>1186</v>
      </c>
      <c r="B764" s="55" t="s">
        <v>1934</v>
      </c>
    </row>
    <row r="765" spans="1:2" x14ac:dyDescent="0.2">
      <c r="A765" s="52" t="s">
        <v>1187</v>
      </c>
      <c r="B765" s="55" t="s">
        <v>1935</v>
      </c>
    </row>
    <row r="766" spans="1:2" x14ac:dyDescent="0.2">
      <c r="A766" s="52" t="s">
        <v>1188</v>
      </c>
      <c r="B766" s="55" t="s">
        <v>1936</v>
      </c>
    </row>
    <row r="767" spans="1:2" x14ac:dyDescent="0.2">
      <c r="A767" s="52" t="s">
        <v>1189</v>
      </c>
      <c r="B767" s="55" t="s">
        <v>1937</v>
      </c>
    </row>
    <row r="768" spans="1:2" x14ac:dyDescent="0.2">
      <c r="A768" s="52" t="s">
        <v>1190</v>
      </c>
      <c r="B768" s="55" t="s">
        <v>1938</v>
      </c>
    </row>
    <row r="769" spans="1:2" x14ac:dyDescent="0.2">
      <c r="A769" s="52" t="s">
        <v>1191</v>
      </c>
      <c r="B769" s="55" t="s">
        <v>1939</v>
      </c>
    </row>
    <row r="770" spans="1:2" x14ac:dyDescent="0.2">
      <c r="A770" s="52" t="s">
        <v>1192</v>
      </c>
      <c r="B770" s="55" t="s">
        <v>1940</v>
      </c>
    </row>
    <row r="771" spans="1:2" x14ac:dyDescent="0.2">
      <c r="A771" s="52" t="s">
        <v>1193</v>
      </c>
      <c r="B771" s="55" t="s">
        <v>1941</v>
      </c>
    </row>
    <row r="772" spans="1:2" x14ac:dyDescent="0.2">
      <c r="A772" s="52" t="s">
        <v>1194</v>
      </c>
      <c r="B772" s="55" t="s">
        <v>1942</v>
      </c>
    </row>
    <row r="773" spans="1:2" x14ac:dyDescent="0.2">
      <c r="A773" s="52" t="s">
        <v>1195</v>
      </c>
      <c r="B773" s="55" t="s">
        <v>1943</v>
      </c>
    </row>
    <row r="774" spans="1:2" x14ac:dyDescent="0.2">
      <c r="A774" s="52" t="s">
        <v>1196</v>
      </c>
      <c r="B774" s="55" t="s">
        <v>1944</v>
      </c>
    </row>
    <row r="775" spans="1:2" x14ac:dyDescent="0.2">
      <c r="A775" s="52" t="s">
        <v>1197</v>
      </c>
      <c r="B775" s="55" t="s">
        <v>1945</v>
      </c>
    </row>
    <row r="776" spans="1:2" x14ac:dyDescent="0.2">
      <c r="A776" s="52" t="s">
        <v>1198</v>
      </c>
      <c r="B776" s="55" t="s">
        <v>1946</v>
      </c>
    </row>
    <row r="777" spans="1:2" x14ac:dyDescent="0.2">
      <c r="A777" s="52" t="s">
        <v>1199</v>
      </c>
      <c r="B777" s="55" t="s">
        <v>1947</v>
      </c>
    </row>
    <row r="778" spans="1:2" x14ac:dyDescent="0.2">
      <c r="A778" s="52" t="s">
        <v>1200</v>
      </c>
      <c r="B778" s="55" t="s">
        <v>1948</v>
      </c>
    </row>
    <row r="779" spans="1:2" x14ac:dyDescent="0.2">
      <c r="A779" s="52" t="s">
        <v>1201</v>
      </c>
      <c r="B779" s="55" t="s">
        <v>1949</v>
      </c>
    </row>
    <row r="780" spans="1:2" x14ac:dyDescent="0.2">
      <c r="A780" s="52" t="s">
        <v>1202</v>
      </c>
      <c r="B780" s="55" t="s">
        <v>1950</v>
      </c>
    </row>
    <row r="781" spans="1:2" x14ac:dyDescent="0.2">
      <c r="A781" s="52" t="s">
        <v>1203</v>
      </c>
      <c r="B781" s="55" t="s">
        <v>1951</v>
      </c>
    </row>
    <row r="782" spans="1:2" x14ac:dyDescent="0.2">
      <c r="A782" s="52" t="s">
        <v>1204</v>
      </c>
      <c r="B782" s="55" t="s">
        <v>1952</v>
      </c>
    </row>
    <row r="783" spans="1:2" x14ac:dyDescent="0.2">
      <c r="A783" s="52" t="s">
        <v>1205</v>
      </c>
      <c r="B783" s="55" t="s">
        <v>1953</v>
      </c>
    </row>
    <row r="784" spans="1:2" x14ac:dyDescent="0.2">
      <c r="A784" s="52" t="s">
        <v>1206</v>
      </c>
      <c r="B784" s="55" t="s">
        <v>1954</v>
      </c>
    </row>
    <row r="785" spans="1:2" x14ac:dyDescent="0.2">
      <c r="A785" s="52" t="s">
        <v>1207</v>
      </c>
      <c r="B785" s="55" t="s">
        <v>1955</v>
      </c>
    </row>
    <row r="786" spans="1:2" x14ac:dyDescent="0.2">
      <c r="A786" s="52" t="s">
        <v>1208</v>
      </c>
      <c r="B786" s="55" t="s">
        <v>1956</v>
      </c>
    </row>
    <row r="787" spans="1:2" x14ac:dyDescent="0.2">
      <c r="A787" s="52" t="s">
        <v>1209</v>
      </c>
      <c r="B787" s="55" t="s">
        <v>1957</v>
      </c>
    </row>
    <row r="788" spans="1:2" x14ac:dyDescent="0.2">
      <c r="A788" s="52" t="s">
        <v>1210</v>
      </c>
      <c r="B788" s="55" t="s">
        <v>1958</v>
      </c>
    </row>
    <row r="789" spans="1:2" x14ac:dyDescent="0.2">
      <c r="A789" s="52" t="s">
        <v>1211</v>
      </c>
      <c r="B789" s="55" t="s">
        <v>1647</v>
      </c>
    </row>
    <row r="790" spans="1:2" x14ac:dyDescent="0.2">
      <c r="A790" s="52" t="s">
        <v>1212</v>
      </c>
      <c r="B790" s="55" t="s">
        <v>1959</v>
      </c>
    </row>
    <row r="791" spans="1:2" x14ac:dyDescent="0.2">
      <c r="A791" s="52" t="s">
        <v>1213</v>
      </c>
      <c r="B791" s="55" t="s">
        <v>1960</v>
      </c>
    </row>
    <row r="792" spans="1:2" x14ac:dyDescent="0.2">
      <c r="A792" s="52" t="s">
        <v>1214</v>
      </c>
      <c r="B792" s="55" t="s">
        <v>1961</v>
      </c>
    </row>
    <row r="793" spans="1:2" x14ac:dyDescent="0.2">
      <c r="A793" s="52" t="s">
        <v>1215</v>
      </c>
      <c r="B793" s="55" t="s">
        <v>1962</v>
      </c>
    </row>
    <row r="794" spans="1:2" x14ac:dyDescent="0.2">
      <c r="A794" s="52" t="s">
        <v>1216</v>
      </c>
      <c r="B794" s="55" t="s">
        <v>1963</v>
      </c>
    </row>
    <row r="795" spans="1:2" x14ac:dyDescent="0.2">
      <c r="A795" s="52" t="s">
        <v>1217</v>
      </c>
      <c r="B795" s="55" t="s">
        <v>1964</v>
      </c>
    </row>
    <row r="796" spans="1:2" x14ac:dyDescent="0.2">
      <c r="A796" s="52" t="s">
        <v>1218</v>
      </c>
      <c r="B796" s="55" t="s">
        <v>1965</v>
      </c>
    </row>
    <row r="797" spans="1:2" x14ac:dyDescent="0.2">
      <c r="A797" s="52" t="s">
        <v>1219</v>
      </c>
      <c r="B797" s="55" t="s">
        <v>1966</v>
      </c>
    </row>
    <row r="798" spans="1:2" x14ac:dyDescent="0.2">
      <c r="A798" s="52" t="s">
        <v>1220</v>
      </c>
      <c r="B798" s="55" t="s">
        <v>1967</v>
      </c>
    </row>
    <row r="799" spans="1:2" x14ac:dyDescent="0.2">
      <c r="A799" s="52" t="s">
        <v>1221</v>
      </c>
      <c r="B799" s="55" t="s">
        <v>1968</v>
      </c>
    </row>
    <row r="800" spans="1:2" x14ac:dyDescent="0.2">
      <c r="A800" s="52" t="s">
        <v>1222</v>
      </c>
      <c r="B800" s="55" t="s">
        <v>1969</v>
      </c>
    </row>
    <row r="801" spans="1:2" x14ac:dyDescent="0.2">
      <c r="A801" s="52" t="s">
        <v>1223</v>
      </c>
      <c r="B801" s="55" t="s">
        <v>1970</v>
      </c>
    </row>
    <row r="802" spans="1:2" x14ac:dyDescent="0.2">
      <c r="A802" s="52" t="s">
        <v>1224</v>
      </c>
      <c r="B802" s="55" t="s">
        <v>1971</v>
      </c>
    </row>
    <row r="803" spans="1:2" x14ac:dyDescent="0.2">
      <c r="A803" s="52" t="s">
        <v>1225</v>
      </c>
      <c r="B803" s="55" t="s">
        <v>1972</v>
      </c>
    </row>
    <row r="804" spans="1:2" x14ac:dyDescent="0.2">
      <c r="A804" s="52" t="s">
        <v>1226</v>
      </c>
      <c r="B804" s="55" t="s">
        <v>1973</v>
      </c>
    </row>
    <row r="805" spans="1:2" x14ac:dyDescent="0.2">
      <c r="A805" s="52" t="s">
        <v>1227</v>
      </c>
      <c r="B805" s="55" t="s">
        <v>1974</v>
      </c>
    </row>
    <row r="806" spans="1:2" x14ac:dyDescent="0.2">
      <c r="A806" s="52" t="s">
        <v>1228</v>
      </c>
      <c r="B806" s="55" t="s">
        <v>1975</v>
      </c>
    </row>
    <row r="807" spans="1:2" x14ac:dyDescent="0.2">
      <c r="A807" s="52" t="s">
        <v>1229</v>
      </c>
      <c r="B807" s="55" t="s">
        <v>1976</v>
      </c>
    </row>
    <row r="808" spans="1:2" x14ac:dyDescent="0.2">
      <c r="A808" s="52" t="s">
        <v>1230</v>
      </c>
      <c r="B808" s="55" t="s">
        <v>1977</v>
      </c>
    </row>
    <row r="809" spans="1:2" x14ac:dyDescent="0.2">
      <c r="A809" s="52" t="s">
        <v>1231</v>
      </c>
      <c r="B809" s="55" t="s">
        <v>1978</v>
      </c>
    </row>
    <row r="810" spans="1:2" x14ac:dyDescent="0.2">
      <c r="A810" s="52" t="s">
        <v>1232</v>
      </c>
      <c r="B810" s="55" t="s">
        <v>1979</v>
      </c>
    </row>
    <row r="811" spans="1:2" x14ac:dyDescent="0.2">
      <c r="A811" s="52" t="s">
        <v>1233</v>
      </c>
      <c r="B811" s="55" t="s">
        <v>1980</v>
      </c>
    </row>
    <row r="812" spans="1:2" x14ac:dyDescent="0.2">
      <c r="A812" s="52" t="s">
        <v>1234</v>
      </c>
      <c r="B812" s="55" t="s">
        <v>1981</v>
      </c>
    </row>
    <row r="813" spans="1:2" x14ac:dyDescent="0.2">
      <c r="A813" s="52" t="s">
        <v>1235</v>
      </c>
      <c r="B813" s="55" t="s">
        <v>1982</v>
      </c>
    </row>
    <row r="814" spans="1:2" x14ac:dyDescent="0.2">
      <c r="A814" s="52" t="s">
        <v>1236</v>
      </c>
      <c r="B814" s="55" t="s">
        <v>1983</v>
      </c>
    </row>
    <row r="815" spans="1:2" x14ac:dyDescent="0.2">
      <c r="A815" s="52" t="s">
        <v>1237</v>
      </c>
      <c r="B815" s="55" t="s">
        <v>1984</v>
      </c>
    </row>
    <row r="816" spans="1:2" x14ac:dyDescent="0.2">
      <c r="A816" s="52" t="s">
        <v>1238</v>
      </c>
      <c r="B816" s="55" t="s">
        <v>1985</v>
      </c>
    </row>
    <row r="817" spans="1:2" x14ac:dyDescent="0.2">
      <c r="A817" s="52" t="s">
        <v>1239</v>
      </c>
      <c r="B817" s="55" t="s">
        <v>1986</v>
      </c>
    </row>
    <row r="818" spans="1:2" x14ac:dyDescent="0.2">
      <c r="A818" s="52" t="s">
        <v>1240</v>
      </c>
      <c r="B818" s="55" t="s">
        <v>1987</v>
      </c>
    </row>
    <row r="819" spans="1:2" x14ac:dyDescent="0.2">
      <c r="A819" s="52" t="s">
        <v>1241</v>
      </c>
      <c r="B819" s="55" t="s">
        <v>1988</v>
      </c>
    </row>
    <row r="820" spans="1:2" x14ac:dyDescent="0.2">
      <c r="A820" s="52" t="s">
        <v>1242</v>
      </c>
      <c r="B820" s="55" t="s">
        <v>1989</v>
      </c>
    </row>
    <row r="821" spans="1:2" x14ac:dyDescent="0.2">
      <c r="A821" s="52" t="s">
        <v>1243</v>
      </c>
      <c r="B821" s="55" t="s">
        <v>1990</v>
      </c>
    </row>
    <row r="822" spans="1:2" x14ac:dyDescent="0.2">
      <c r="A822" s="52" t="s">
        <v>1244</v>
      </c>
      <c r="B822" s="55" t="s">
        <v>1991</v>
      </c>
    </row>
    <row r="823" spans="1:2" x14ac:dyDescent="0.2">
      <c r="A823" s="52" t="s">
        <v>1245</v>
      </c>
      <c r="B823" s="55" t="s">
        <v>1992</v>
      </c>
    </row>
    <row r="824" spans="1:2" x14ac:dyDescent="0.2">
      <c r="A824" s="52" t="s">
        <v>1246</v>
      </c>
      <c r="B824" s="55" t="s">
        <v>1993</v>
      </c>
    </row>
    <row r="825" spans="1:2" x14ac:dyDescent="0.2">
      <c r="A825" s="52" t="s">
        <v>1247</v>
      </c>
      <c r="B825" s="55" t="s">
        <v>1994</v>
      </c>
    </row>
    <row r="826" spans="1:2" x14ac:dyDescent="0.2">
      <c r="A826" s="52" t="s">
        <v>1248</v>
      </c>
      <c r="B826" s="55" t="s">
        <v>1995</v>
      </c>
    </row>
    <row r="827" spans="1:2" x14ac:dyDescent="0.2">
      <c r="A827" s="52" t="s">
        <v>1249</v>
      </c>
      <c r="B827" s="55" t="s">
        <v>1996</v>
      </c>
    </row>
    <row r="828" spans="1:2" x14ac:dyDescent="0.2">
      <c r="A828" s="52" t="s">
        <v>1250</v>
      </c>
      <c r="B828" s="55" t="s">
        <v>1997</v>
      </c>
    </row>
    <row r="829" spans="1:2" x14ac:dyDescent="0.2">
      <c r="A829" s="52" t="s">
        <v>1251</v>
      </c>
      <c r="B829" s="55" t="s">
        <v>1998</v>
      </c>
    </row>
    <row r="830" spans="1:2" x14ac:dyDescent="0.2">
      <c r="A830" s="52" t="s">
        <v>1252</v>
      </c>
      <c r="B830" s="55" t="s">
        <v>1999</v>
      </c>
    </row>
    <row r="831" spans="1:2" x14ac:dyDescent="0.2">
      <c r="A831" s="52" t="s">
        <v>1253</v>
      </c>
      <c r="B831" s="55" t="s">
        <v>2000</v>
      </c>
    </row>
    <row r="832" spans="1:2" x14ac:dyDescent="0.2">
      <c r="A832" s="52" t="s">
        <v>1254</v>
      </c>
      <c r="B832" s="55" t="s">
        <v>2001</v>
      </c>
    </row>
    <row r="833" spans="1:2" x14ac:dyDescent="0.2">
      <c r="A833" s="52" t="s">
        <v>1255</v>
      </c>
      <c r="B833" s="55" t="s">
        <v>2002</v>
      </c>
    </row>
    <row r="834" spans="1:2" x14ac:dyDescent="0.2">
      <c r="A834" s="52" t="s">
        <v>1256</v>
      </c>
      <c r="B834" s="55" t="s">
        <v>2003</v>
      </c>
    </row>
    <row r="835" spans="1:2" x14ac:dyDescent="0.2">
      <c r="A835" s="52" t="s">
        <v>1257</v>
      </c>
      <c r="B835" s="55" t="s">
        <v>2004</v>
      </c>
    </row>
    <row r="836" spans="1:2" x14ac:dyDescent="0.2">
      <c r="A836" s="52" t="s">
        <v>1258</v>
      </c>
      <c r="B836" s="55" t="s">
        <v>2005</v>
      </c>
    </row>
    <row r="837" spans="1:2" x14ac:dyDescent="0.2">
      <c r="A837" s="52" t="s">
        <v>1259</v>
      </c>
      <c r="B837" s="55" t="s">
        <v>2006</v>
      </c>
    </row>
    <row r="838" spans="1:2" x14ac:dyDescent="0.2">
      <c r="A838" s="52" t="s">
        <v>1260</v>
      </c>
      <c r="B838" s="55" t="s">
        <v>2007</v>
      </c>
    </row>
    <row r="839" spans="1:2" x14ac:dyDescent="0.2">
      <c r="A839" s="52" t="s">
        <v>1261</v>
      </c>
      <c r="B839" s="55" t="s">
        <v>2008</v>
      </c>
    </row>
    <row r="840" spans="1:2" x14ac:dyDescent="0.2">
      <c r="A840" s="52" t="s">
        <v>1262</v>
      </c>
      <c r="B840" s="55" t="s">
        <v>2009</v>
      </c>
    </row>
    <row r="841" spans="1:2" x14ac:dyDescent="0.2">
      <c r="A841" s="52" t="s">
        <v>1263</v>
      </c>
      <c r="B841" s="55" t="s">
        <v>2010</v>
      </c>
    </row>
    <row r="842" spans="1:2" x14ac:dyDescent="0.2">
      <c r="A842" s="52" t="s">
        <v>1264</v>
      </c>
      <c r="B842" s="55" t="s">
        <v>2011</v>
      </c>
    </row>
    <row r="843" spans="1:2" x14ac:dyDescent="0.2">
      <c r="A843" s="52" t="s">
        <v>1265</v>
      </c>
      <c r="B843" s="55" t="s">
        <v>2012</v>
      </c>
    </row>
    <row r="844" spans="1:2" x14ac:dyDescent="0.2">
      <c r="A844" s="52" t="s">
        <v>1266</v>
      </c>
      <c r="B844" s="55" t="s">
        <v>2013</v>
      </c>
    </row>
    <row r="845" spans="1:2" x14ac:dyDescent="0.2">
      <c r="A845" s="52" t="s">
        <v>1267</v>
      </c>
      <c r="B845" s="55" t="s">
        <v>2014</v>
      </c>
    </row>
    <row r="846" spans="1:2" x14ac:dyDescent="0.2">
      <c r="A846" s="52" t="s">
        <v>1268</v>
      </c>
      <c r="B846" s="55" t="s">
        <v>2015</v>
      </c>
    </row>
    <row r="847" spans="1:2" x14ac:dyDescent="0.2">
      <c r="A847" s="52" t="s">
        <v>1269</v>
      </c>
      <c r="B847" s="55" t="s">
        <v>2016</v>
      </c>
    </row>
    <row r="848" spans="1:2" x14ac:dyDescent="0.2">
      <c r="A848" s="52" t="s">
        <v>1270</v>
      </c>
      <c r="B848" s="55" t="s">
        <v>1888</v>
      </c>
    </row>
    <row r="849" spans="1:2" x14ac:dyDescent="0.2">
      <c r="A849" s="52" t="s">
        <v>1271</v>
      </c>
      <c r="B849" s="55" t="s">
        <v>1654</v>
      </c>
    </row>
    <row r="850" spans="1:2" x14ac:dyDescent="0.2">
      <c r="A850" s="52" t="s">
        <v>1272</v>
      </c>
      <c r="B850" s="55" t="s">
        <v>2017</v>
      </c>
    </row>
    <row r="851" spans="1:2" x14ac:dyDescent="0.2">
      <c r="A851" s="52" t="s">
        <v>1273</v>
      </c>
      <c r="B851" s="55" t="s">
        <v>2018</v>
      </c>
    </row>
    <row r="852" spans="1:2" x14ac:dyDescent="0.2">
      <c r="A852" s="52" t="s">
        <v>1274</v>
      </c>
      <c r="B852" s="55" t="s">
        <v>2019</v>
      </c>
    </row>
    <row r="853" spans="1:2" x14ac:dyDescent="0.2">
      <c r="A853" s="52" t="s">
        <v>1275</v>
      </c>
      <c r="B853" s="55" t="s">
        <v>2020</v>
      </c>
    </row>
    <row r="854" spans="1:2" x14ac:dyDescent="0.2">
      <c r="A854" s="52" t="s">
        <v>1276</v>
      </c>
      <c r="B854" s="55" t="s">
        <v>2021</v>
      </c>
    </row>
    <row r="855" spans="1:2" x14ac:dyDescent="0.2">
      <c r="A855" s="52" t="s">
        <v>1277</v>
      </c>
      <c r="B855" s="55" t="s">
        <v>2022</v>
      </c>
    </row>
    <row r="856" spans="1:2" x14ac:dyDescent="0.2">
      <c r="A856" s="52" t="s">
        <v>1278</v>
      </c>
      <c r="B856" s="55" t="s">
        <v>2023</v>
      </c>
    </row>
    <row r="857" spans="1:2" x14ac:dyDescent="0.2">
      <c r="A857" s="52" t="s">
        <v>1279</v>
      </c>
      <c r="B857" s="55" t="s">
        <v>2024</v>
      </c>
    </row>
    <row r="858" spans="1:2" x14ac:dyDescent="0.2">
      <c r="A858" s="52" t="s">
        <v>1280</v>
      </c>
      <c r="B858" s="55" t="s">
        <v>2025</v>
      </c>
    </row>
    <row r="859" spans="1:2" x14ac:dyDescent="0.2">
      <c r="A859" s="52" t="s">
        <v>1281</v>
      </c>
      <c r="B859" s="55" t="s">
        <v>2026</v>
      </c>
    </row>
    <row r="860" spans="1:2" x14ac:dyDescent="0.2">
      <c r="A860" s="52" t="s">
        <v>1282</v>
      </c>
      <c r="B860" s="55" t="s">
        <v>2027</v>
      </c>
    </row>
    <row r="861" spans="1:2" x14ac:dyDescent="0.2">
      <c r="A861" s="52" t="s">
        <v>1283</v>
      </c>
      <c r="B861" s="55" t="s">
        <v>2028</v>
      </c>
    </row>
    <row r="862" spans="1:2" x14ac:dyDescent="0.2">
      <c r="A862" s="52" t="s">
        <v>1284</v>
      </c>
      <c r="B862" s="55" t="s">
        <v>2029</v>
      </c>
    </row>
    <row r="863" spans="1:2" x14ac:dyDescent="0.2">
      <c r="A863" s="52" t="s">
        <v>1285</v>
      </c>
      <c r="B863" s="55" t="s">
        <v>2030</v>
      </c>
    </row>
    <row r="864" spans="1:2" x14ac:dyDescent="0.2">
      <c r="A864" s="52" t="s">
        <v>1286</v>
      </c>
      <c r="B864" s="55" t="s">
        <v>2031</v>
      </c>
    </row>
    <row r="865" spans="1:2" x14ac:dyDescent="0.2">
      <c r="A865" s="52" t="s">
        <v>1287</v>
      </c>
      <c r="B865" s="55" t="s">
        <v>2032</v>
      </c>
    </row>
    <row r="866" spans="1:2" x14ac:dyDescent="0.2">
      <c r="A866" s="52" t="s">
        <v>1288</v>
      </c>
      <c r="B866" s="55" t="s">
        <v>2033</v>
      </c>
    </row>
    <row r="867" spans="1:2" x14ac:dyDescent="0.2">
      <c r="A867" s="52" t="s">
        <v>1289</v>
      </c>
      <c r="B867" s="55" t="s">
        <v>2034</v>
      </c>
    </row>
    <row r="868" spans="1:2" x14ac:dyDescent="0.2">
      <c r="A868" s="52" t="s">
        <v>1290</v>
      </c>
      <c r="B868" s="55" t="s">
        <v>2035</v>
      </c>
    </row>
    <row r="869" spans="1:2" x14ac:dyDescent="0.2">
      <c r="A869" s="52" t="s">
        <v>1291</v>
      </c>
      <c r="B869" s="55" t="s">
        <v>2036</v>
      </c>
    </row>
    <row r="870" spans="1:2" x14ac:dyDescent="0.2">
      <c r="A870" s="52" t="s">
        <v>1292</v>
      </c>
      <c r="B870" s="55" t="s">
        <v>2037</v>
      </c>
    </row>
    <row r="871" spans="1:2" x14ac:dyDescent="0.2">
      <c r="A871" s="52" t="s">
        <v>1293</v>
      </c>
      <c r="B871" s="55" t="s">
        <v>2038</v>
      </c>
    </row>
    <row r="872" spans="1:2" x14ac:dyDescent="0.2">
      <c r="A872" s="52" t="s">
        <v>1294</v>
      </c>
      <c r="B872" s="55" t="s">
        <v>2039</v>
      </c>
    </row>
    <row r="873" spans="1:2" x14ac:dyDescent="0.2">
      <c r="A873" s="52" t="s">
        <v>1295</v>
      </c>
      <c r="B873" s="55" t="s">
        <v>2040</v>
      </c>
    </row>
    <row r="874" spans="1:2" x14ac:dyDescent="0.2">
      <c r="A874" s="52" t="s">
        <v>1296</v>
      </c>
      <c r="B874" s="55" t="s">
        <v>2041</v>
      </c>
    </row>
    <row r="875" spans="1:2" x14ac:dyDescent="0.2">
      <c r="A875" s="52" t="s">
        <v>1297</v>
      </c>
      <c r="B875" s="55" t="s">
        <v>2042</v>
      </c>
    </row>
    <row r="876" spans="1:2" x14ac:dyDescent="0.2">
      <c r="A876" s="52" t="s">
        <v>1298</v>
      </c>
      <c r="B876" s="55" t="s">
        <v>2043</v>
      </c>
    </row>
    <row r="877" spans="1:2" x14ac:dyDescent="0.2">
      <c r="A877" s="52" t="s">
        <v>1299</v>
      </c>
      <c r="B877" s="55" t="s">
        <v>2044</v>
      </c>
    </row>
    <row r="878" spans="1:2" x14ac:dyDescent="0.2">
      <c r="A878" s="52" t="s">
        <v>1300</v>
      </c>
      <c r="B878" s="55" t="s">
        <v>2045</v>
      </c>
    </row>
    <row r="879" spans="1:2" x14ac:dyDescent="0.2">
      <c r="A879" s="52" t="s">
        <v>1301</v>
      </c>
      <c r="B879" s="55" t="s">
        <v>2046</v>
      </c>
    </row>
    <row r="880" spans="1:2" x14ac:dyDescent="0.2">
      <c r="A880" s="52" t="s">
        <v>1302</v>
      </c>
      <c r="B880" s="55" t="s">
        <v>2047</v>
      </c>
    </row>
    <row r="881" spans="1:2" x14ac:dyDescent="0.2">
      <c r="A881" s="52" t="s">
        <v>1303</v>
      </c>
      <c r="B881" s="55" t="s">
        <v>2048</v>
      </c>
    </row>
    <row r="882" spans="1:2" x14ac:dyDescent="0.2">
      <c r="A882" s="52" t="s">
        <v>1304</v>
      </c>
      <c r="B882" s="55" t="s">
        <v>2049</v>
      </c>
    </row>
    <row r="883" spans="1:2" x14ac:dyDescent="0.2">
      <c r="A883" s="52" t="s">
        <v>1305</v>
      </c>
      <c r="B883" s="55" t="s">
        <v>2050</v>
      </c>
    </row>
    <row r="884" spans="1:2" x14ac:dyDescent="0.2">
      <c r="A884" s="52" t="s">
        <v>1306</v>
      </c>
      <c r="B884" s="55" t="s">
        <v>2051</v>
      </c>
    </row>
    <row r="885" spans="1:2" x14ac:dyDescent="0.2">
      <c r="A885" s="52" t="s">
        <v>1307</v>
      </c>
      <c r="B885" s="55" t="s">
        <v>2052</v>
      </c>
    </row>
    <row r="886" spans="1:2" x14ac:dyDescent="0.2">
      <c r="A886" s="52" t="s">
        <v>1308</v>
      </c>
      <c r="B886" s="55" t="s">
        <v>2053</v>
      </c>
    </row>
    <row r="887" spans="1:2" x14ac:dyDescent="0.2">
      <c r="A887" s="52" t="s">
        <v>1309</v>
      </c>
      <c r="B887" s="55" t="s">
        <v>2054</v>
      </c>
    </row>
    <row r="888" spans="1:2" x14ac:dyDescent="0.2">
      <c r="A888" s="52" t="s">
        <v>1310</v>
      </c>
      <c r="B888" s="55" t="s">
        <v>2055</v>
      </c>
    </row>
    <row r="889" spans="1:2" x14ac:dyDescent="0.2">
      <c r="A889" s="52" t="s">
        <v>1311</v>
      </c>
      <c r="B889" s="55" t="s">
        <v>2056</v>
      </c>
    </row>
    <row r="890" spans="1:2" x14ac:dyDescent="0.2">
      <c r="A890" s="52" t="s">
        <v>1312</v>
      </c>
      <c r="B890" s="55" t="s">
        <v>2057</v>
      </c>
    </row>
    <row r="891" spans="1:2" x14ac:dyDescent="0.2">
      <c r="A891" s="52" t="s">
        <v>1313</v>
      </c>
      <c r="B891" s="55" t="s">
        <v>2058</v>
      </c>
    </row>
    <row r="892" spans="1:2" x14ac:dyDescent="0.2">
      <c r="A892" s="52" t="s">
        <v>1314</v>
      </c>
      <c r="B892" s="55" t="s">
        <v>2059</v>
      </c>
    </row>
    <row r="893" spans="1:2" x14ac:dyDescent="0.2">
      <c r="A893" s="52" t="s">
        <v>1315</v>
      </c>
      <c r="B893" s="55" t="s">
        <v>2060</v>
      </c>
    </row>
    <row r="894" spans="1:2" x14ac:dyDescent="0.2">
      <c r="A894" s="52" t="s">
        <v>1316</v>
      </c>
      <c r="B894" s="55" t="s">
        <v>2061</v>
      </c>
    </row>
    <row r="895" spans="1:2" x14ac:dyDescent="0.2">
      <c r="A895" s="52" t="s">
        <v>1317</v>
      </c>
      <c r="B895" s="55" t="s">
        <v>2062</v>
      </c>
    </row>
    <row r="896" spans="1:2" x14ac:dyDescent="0.2">
      <c r="A896" s="52" t="s">
        <v>1318</v>
      </c>
      <c r="B896" s="55" t="s">
        <v>2063</v>
      </c>
    </row>
    <row r="897" spans="1:2" x14ac:dyDescent="0.2">
      <c r="A897" s="52" t="s">
        <v>1319</v>
      </c>
      <c r="B897" s="55" t="s">
        <v>2064</v>
      </c>
    </row>
    <row r="898" spans="1:2" x14ac:dyDescent="0.2">
      <c r="A898" s="52" t="s">
        <v>1320</v>
      </c>
      <c r="B898" s="55" t="s">
        <v>2065</v>
      </c>
    </row>
    <row r="899" spans="1:2" x14ac:dyDescent="0.2">
      <c r="A899" s="52" t="s">
        <v>1321</v>
      </c>
      <c r="B899" s="55" t="s">
        <v>2066</v>
      </c>
    </row>
    <row r="900" spans="1:2" x14ac:dyDescent="0.2">
      <c r="A900" s="52" t="s">
        <v>1322</v>
      </c>
      <c r="B900" s="55" t="s">
        <v>2067</v>
      </c>
    </row>
    <row r="901" spans="1:2" x14ac:dyDescent="0.2">
      <c r="A901" s="52" t="s">
        <v>1323</v>
      </c>
      <c r="B901" s="55" t="s">
        <v>2068</v>
      </c>
    </row>
    <row r="902" spans="1:2" x14ac:dyDescent="0.2">
      <c r="A902" s="52" t="s">
        <v>1324</v>
      </c>
      <c r="B902" s="55" t="s">
        <v>2069</v>
      </c>
    </row>
    <row r="903" spans="1:2" x14ac:dyDescent="0.2">
      <c r="A903" s="52" t="s">
        <v>1325</v>
      </c>
      <c r="B903" s="55" t="s">
        <v>2070</v>
      </c>
    </row>
    <row r="904" spans="1:2" x14ac:dyDescent="0.2">
      <c r="A904" s="52" t="s">
        <v>1326</v>
      </c>
      <c r="B904" s="55" t="s">
        <v>2071</v>
      </c>
    </row>
    <row r="905" spans="1:2" x14ac:dyDescent="0.2">
      <c r="A905" s="52" t="s">
        <v>1327</v>
      </c>
      <c r="B905" s="55" t="s">
        <v>2072</v>
      </c>
    </row>
    <row r="906" spans="1:2" x14ac:dyDescent="0.2">
      <c r="A906" s="52" t="s">
        <v>1328</v>
      </c>
      <c r="B906" s="55" t="s">
        <v>2073</v>
      </c>
    </row>
    <row r="907" spans="1:2" x14ac:dyDescent="0.2">
      <c r="A907" s="52" t="s">
        <v>1329</v>
      </c>
      <c r="B907" s="55" t="s">
        <v>2074</v>
      </c>
    </row>
    <row r="908" spans="1:2" x14ac:dyDescent="0.2">
      <c r="A908" s="52" t="s">
        <v>1330</v>
      </c>
      <c r="B908" s="55" t="s">
        <v>2075</v>
      </c>
    </row>
    <row r="909" spans="1:2" x14ac:dyDescent="0.2">
      <c r="A909" s="52" t="s">
        <v>1331</v>
      </c>
      <c r="B909" s="55" t="s">
        <v>2076</v>
      </c>
    </row>
    <row r="910" spans="1:2" x14ac:dyDescent="0.2">
      <c r="A910" s="52" t="s">
        <v>1332</v>
      </c>
      <c r="B910" s="55" t="s">
        <v>2077</v>
      </c>
    </row>
    <row r="911" spans="1:2" x14ac:dyDescent="0.2">
      <c r="A911" s="52" t="s">
        <v>1333</v>
      </c>
      <c r="B911" s="55" t="s">
        <v>2078</v>
      </c>
    </row>
    <row r="912" spans="1:2" x14ac:dyDescent="0.2">
      <c r="A912" s="52" t="s">
        <v>1334</v>
      </c>
      <c r="B912" s="55" t="s">
        <v>2079</v>
      </c>
    </row>
    <row r="913" spans="1:2" x14ac:dyDescent="0.2">
      <c r="A913" s="52" t="s">
        <v>1335</v>
      </c>
      <c r="B913" s="55" t="s">
        <v>2080</v>
      </c>
    </row>
    <row r="914" spans="1:2" x14ac:dyDescent="0.2">
      <c r="A914" s="52" t="s">
        <v>1336</v>
      </c>
      <c r="B914" s="55" t="s">
        <v>2081</v>
      </c>
    </row>
    <row r="915" spans="1:2" x14ac:dyDescent="0.2">
      <c r="A915" s="52" t="s">
        <v>1337</v>
      </c>
      <c r="B915" s="55" t="s">
        <v>2082</v>
      </c>
    </row>
    <row r="916" spans="1:2" x14ac:dyDescent="0.2">
      <c r="A916" s="52" t="s">
        <v>1338</v>
      </c>
      <c r="B916" s="55" t="s">
        <v>2083</v>
      </c>
    </row>
    <row r="917" spans="1:2" x14ac:dyDescent="0.2">
      <c r="A917" s="52" t="s">
        <v>1339</v>
      </c>
      <c r="B917" s="55" t="s">
        <v>2084</v>
      </c>
    </row>
    <row r="918" spans="1:2" x14ac:dyDescent="0.2">
      <c r="A918" s="52" t="s">
        <v>1340</v>
      </c>
      <c r="B918" s="55" t="s">
        <v>2085</v>
      </c>
    </row>
    <row r="919" spans="1:2" x14ac:dyDescent="0.2">
      <c r="A919" s="52" t="s">
        <v>1341</v>
      </c>
      <c r="B919" s="55" t="s">
        <v>2086</v>
      </c>
    </row>
    <row r="920" spans="1:2" x14ac:dyDescent="0.2">
      <c r="A920" s="52" t="s">
        <v>1342</v>
      </c>
      <c r="B920" s="55" t="s">
        <v>2087</v>
      </c>
    </row>
    <row r="921" spans="1:2" x14ac:dyDescent="0.2">
      <c r="A921" s="52" t="s">
        <v>1343</v>
      </c>
      <c r="B921" s="55" t="s">
        <v>2088</v>
      </c>
    </row>
    <row r="922" spans="1:2" x14ac:dyDescent="0.2">
      <c r="A922" s="52" t="s">
        <v>1344</v>
      </c>
      <c r="B922" s="55" t="s">
        <v>2089</v>
      </c>
    </row>
    <row r="923" spans="1:2" x14ac:dyDescent="0.2">
      <c r="A923" s="52" t="s">
        <v>1345</v>
      </c>
      <c r="B923" s="55" t="s">
        <v>2090</v>
      </c>
    </row>
    <row r="924" spans="1:2" x14ac:dyDescent="0.2">
      <c r="A924" s="52" t="s">
        <v>1346</v>
      </c>
      <c r="B924" s="55" t="s">
        <v>2091</v>
      </c>
    </row>
    <row r="925" spans="1:2" x14ac:dyDescent="0.2">
      <c r="A925" s="52" t="s">
        <v>1347</v>
      </c>
      <c r="B925" s="55" t="s">
        <v>2092</v>
      </c>
    </row>
    <row r="926" spans="1:2" x14ac:dyDescent="0.2">
      <c r="A926" s="52" t="s">
        <v>1348</v>
      </c>
      <c r="B926" s="55" t="s">
        <v>2093</v>
      </c>
    </row>
    <row r="927" spans="1:2" x14ac:dyDescent="0.2">
      <c r="A927" s="52" t="s">
        <v>1349</v>
      </c>
      <c r="B927" s="55" t="s">
        <v>2094</v>
      </c>
    </row>
    <row r="928" spans="1:2" x14ac:dyDescent="0.2">
      <c r="A928" s="52" t="s">
        <v>1350</v>
      </c>
      <c r="B928" s="55" t="s">
        <v>2095</v>
      </c>
    </row>
    <row r="929" spans="1:2" x14ac:dyDescent="0.2">
      <c r="A929" s="52" t="s">
        <v>1351</v>
      </c>
      <c r="B929" s="55" t="s">
        <v>2096</v>
      </c>
    </row>
    <row r="930" spans="1:2" x14ac:dyDescent="0.2">
      <c r="A930" s="52" t="s">
        <v>1352</v>
      </c>
      <c r="B930" s="55" t="s">
        <v>2097</v>
      </c>
    </row>
    <row r="931" spans="1:2" x14ac:dyDescent="0.2">
      <c r="A931" s="52" t="s">
        <v>1353</v>
      </c>
      <c r="B931" s="55" t="s">
        <v>1881</v>
      </c>
    </row>
    <row r="932" spans="1:2" x14ac:dyDescent="0.2">
      <c r="A932" s="52" t="s">
        <v>1354</v>
      </c>
      <c r="B932" s="55" t="s">
        <v>2098</v>
      </c>
    </row>
    <row r="933" spans="1:2" x14ac:dyDescent="0.2">
      <c r="A933" s="52" t="s">
        <v>1355</v>
      </c>
      <c r="B933" s="55" t="s">
        <v>2099</v>
      </c>
    </row>
    <row r="934" spans="1:2" x14ac:dyDescent="0.2">
      <c r="A934" s="52" t="s">
        <v>1356</v>
      </c>
      <c r="B934" s="55" t="s">
        <v>2100</v>
      </c>
    </row>
    <row r="935" spans="1:2" x14ac:dyDescent="0.2">
      <c r="A935" s="52" t="s">
        <v>1357</v>
      </c>
      <c r="B935" s="55" t="s">
        <v>2101</v>
      </c>
    </row>
    <row r="936" spans="1:2" x14ac:dyDescent="0.2">
      <c r="A936" s="52" t="s">
        <v>1358</v>
      </c>
      <c r="B936" s="55" t="s">
        <v>2102</v>
      </c>
    </row>
    <row r="937" spans="1:2" x14ac:dyDescent="0.2">
      <c r="A937" s="52" t="s">
        <v>1359</v>
      </c>
      <c r="B937" s="55" t="s">
        <v>2103</v>
      </c>
    </row>
    <row r="938" spans="1:2" x14ac:dyDescent="0.2">
      <c r="A938" s="52" t="s">
        <v>1360</v>
      </c>
      <c r="B938" s="55" t="s">
        <v>2104</v>
      </c>
    </row>
    <row r="939" spans="1:2" x14ac:dyDescent="0.2">
      <c r="A939" s="52" t="s">
        <v>1361</v>
      </c>
      <c r="B939" s="55" t="s">
        <v>2105</v>
      </c>
    </row>
    <row r="940" spans="1:2" x14ac:dyDescent="0.2">
      <c r="A940" s="52" t="s">
        <v>1362</v>
      </c>
      <c r="B940" s="55" t="s">
        <v>2106</v>
      </c>
    </row>
    <row r="941" spans="1:2" x14ac:dyDescent="0.2">
      <c r="A941" s="52" t="s">
        <v>1363</v>
      </c>
      <c r="B941" s="55" t="s">
        <v>2107</v>
      </c>
    </row>
    <row r="942" spans="1:2" x14ac:dyDescent="0.2">
      <c r="A942" s="52" t="s">
        <v>1364</v>
      </c>
      <c r="B942" s="55" t="s">
        <v>2108</v>
      </c>
    </row>
    <row r="943" spans="1:2" x14ac:dyDescent="0.2">
      <c r="A943" s="52" t="s">
        <v>1365</v>
      </c>
      <c r="B943" s="55" t="s">
        <v>2109</v>
      </c>
    </row>
    <row r="944" spans="1:2" x14ac:dyDescent="0.2">
      <c r="A944" s="52" t="s">
        <v>1366</v>
      </c>
      <c r="B944" s="55" t="s">
        <v>2110</v>
      </c>
    </row>
    <row r="945" spans="1:2" x14ac:dyDescent="0.2">
      <c r="A945" s="52" t="s">
        <v>1367</v>
      </c>
      <c r="B945" s="55" t="s">
        <v>2111</v>
      </c>
    </row>
    <row r="946" spans="1:2" x14ac:dyDescent="0.2">
      <c r="A946" s="52" t="s">
        <v>1368</v>
      </c>
      <c r="B946" s="55" t="s">
        <v>2112</v>
      </c>
    </row>
    <row r="947" spans="1:2" x14ac:dyDescent="0.2">
      <c r="A947" s="52" t="s">
        <v>1369</v>
      </c>
      <c r="B947" s="55" t="s">
        <v>2113</v>
      </c>
    </row>
    <row r="948" spans="1:2" x14ac:dyDescent="0.2">
      <c r="A948" s="52" t="s">
        <v>1370</v>
      </c>
      <c r="B948" s="55" t="s">
        <v>2114</v>
      </c>
    </row>
    <row r="949" spans="1:2" x14ac:dyDescent="0.2">
      <c r="A949" s="52" t="s">
        <v>1371</v>
      </c>
      <c r="B949" s="55" t="s">
        <v>1702</v>
      </c>
    </row>
    <row r="950" spans="1:2" x14ac:dyDescent="0.2">
      <c r="A950" s="52" t="s">
        <v>1372</v>
      </c>
      <c r="B950" s="55" t="s">
        <v>2115</v>
      </c>
    </row>
    <row r="951" spans="1:2" x14ac:dyDescent="0.2">
      <c r="A951" s="52" t="s">
        <v>1373</v>
      </c>
      <c r="B951" s="55" t="s">
        <v>2116</v>
      </c>
    </row>
    <row r="952" spans="1:2" x14ac:dyDescent="0.2">
      <c r="A952" s="52" t="s">
        <v>1374</v>
      </c>
      <c r="B952" s="55" t="s">
        <v>2117</v>
      </c>
    </row>
    <row r="953" spans="1:2" x14ac:dyDescent="0.2">
      <c r="A953" s="52" t="s">
        <v>1375</v>
      </c>
      <c r="B953" s="55" t="s">
        <v>2118</v>
      </c>
    </row>
    <row r="954" spans="1:2" x14ac:dyDescent="0.2">
      <c r="A954" s="52" t="s">
        <v>1376</v>
      </c>
      <c r="B954" s="55" t="s">
        <v>2119</v>
      </c>
    </row>
    <row r="955" spans="1:2" x14ac:dyDescent="0.2">
      <c r="A955" s="52" t="s">
        <v>1377</v>
      </c>
      <c r="B955" s="55" t="s">
        <v>2120</v>
      </c>
    </row>
    <row r="956" spans="1:2" x14ac:dyDescent="0.2">
      <c r="A956" s="52" t="s">
        <v>1378</v>
      </c>
      <c r="B956" s="55" t="s">
        <v>2121</v>
      </c>
    </row>
    <row r="957" spans="1:2" x14ac:dyDescent="0.2">
      <c r="A957" s="52" t="s">
        <v>1379</v>
      </c>
      <c r="B957" s="55" t="s">
        <v>2122</v>
      </c>
    </row>
    <row r="958" spans="1:2" x14ac:dyDescent="0.2">
      <c r="A958" s="52" t="s">
        <v>1380</v>
      </c>
      <c r="B958" s="55" t="s">
        <v>2123</v>
      </c>
    </row>
    <row r="959" spans="1:2" x14ac:dyDescent="0.2">
      <c r="A959" s="52" t="s">
        <v>1381</v>
      </c>
      <c r="B959" s="55" t="s">
        <v>2124</v>
      </c>
    </row>
    <row r="960" spans="1:2" x14ac:dyDescent="0.2">
      <c r="A960" s="52" t="s">
        <v>1382</v>
      </c>
      <c r="B960" s="55" t="s">
        <v>2125</v>
      </c>
    </row>
    <row r="961" spans="1:2" x14ac:dyDescent="0.2">
      <c r="A961" s="52" t="s">
        <v>1383</v>
      </c>
      <c r="B961" s="55" t="s">
        <v>2126</v>
      </c>
    </row>
    <row r="962" spans="1:2" x14ac:dyDescent="0.2">
      <c r="A962" s="52" t="s">
        <v>1384</v>
      </c>
      <c r="B962" s="55" t="s">
        <v>2127</v>
      </c>
    </row>
    <row r="963" spans="1:2" x14ac:dyDescent="0.2">
      <c r="A963" s="52" t="s">
        <v>1385</v>
      </c>
      <c r="B963" s="55" t="s">
        <v>2128</v>
      </c>
    </row>
    <row r="964" spans="1:2" x14ac:dyDescent="0.2">
      <c r="A964" s="52" t="s">
        <v>1386</v>
      </c>
      <c r="B964" s="55" t="s">
        <v>2129</v>
      </c>
    </row>
    <row r="965" spans="1:2" x14ac:dyDescent="0.2">
      <c r="A965" s="52" t="s">
        <v>1387</v>
      </c>
      <c r="B965" s="55" t="s">
        <v>2130</v>
      </c>
    </row>
    <row r="966" spans="1:2" x14ac:dyDescent="0.2">
      <c r="A966" s="52" t="s">
        <v>1388</v>
      </c>
      <c r="B966" s="55" t="s">
        <v>2131</v>
      </c>
    </row>
    <row r="967" spans="1:2" x14ac:dyDescent="0.2">
      <c r="A967" s="52" t="s">
        <v>1389</v>
      </c>
      <c r="B967" s="55" t="s">
        <v>2132</v>
      </c>
    </row>
    <row r="968" spans="1:2" x14ac:dyDescent="0.2">
      <c r="A968" s="52" t="s">
        <v>1390</v>
      </c>
      <c r="B968" s="55" t="s">
        <v>1819</v>
      </c>
    </row>
    <row r="969" spans="1:2" x14ac:dyDescent="0.2">
      <c r="A969" s="52" t="s">
        <v>1391</v>
      </c>
      <c r="B969" s="55" t="s">
        <v>1845</v>
      </c>
    </row>
    <row r="970" spans="1:2" x14ac:dyDescent="0.2">
      <c r="A970" s="52" t="s">
        <v>1392</v>
      </c>
      <c r="B970" s="55" t="s">
        <v>2133</v>
      </c>
    </row>
    <row r="971" spans="1:2" x14ac:dyDescent="0.2">
      <c r="A971" s="52" t="s">
        <v>1393</v>
      </c>
      <c r="B971" s="55" t="s">
        <v>1905</v>
      </c>
    </row>
    <row r="972" spans="1:2" x14ac:dyDescent="0.2">
      <c r="A972" s="52" t="s">
        <v>1394</v>
      </c>
      <c r="B972" s="55" t="s">
        <v>1899</v>
      </c>
    </row>
    <row r="973" spans="1:2" x14ac:dyDescent="0.2">
      <c r="A973" s="52" t="s">
        <v>1395</v>
      </c>
      <c r="B973" s="55" t="s">
        <v>2134</v>
      </c>
    </row>
    <row r="974" spans="1:2" x14ac:dyDescent="0.2">
      <c r="A974" s="52" t="s">
        <v>1396</v>
      </c>
      <c r="B974" s="55" t="s">
        <v>2135</v>
      </c>
    </row>
    <row r="975" spans="1:2" x14ac:dyDescent="0.2">
      <c r="A975" s="52" t="s">
        <v>1397</v>
      </c>
      <c r="B975" s="55" t="s">
        <v>1900</v>
      </c>
    </row>
    <row r="976" spans="1:2" x14ac:dyDescent="0.2">
      <c r="A976" s="52" t="s">
        <v>1398</v>
      </c>
      <c r="B976" s="55" t="s">
        <v>2136</v>
      </c>
    </row>
    <row r="977" spans="1:2" x14ac:dyDescent="0.2">
      <c r="A977" s="52" t="s">
        <v>1399</v>
      </c>
      <c r="B977" s="55" t="s">
        <v>2137</v>
      </c>
    </row>
    <row r="978" spans="1:2" x14ac:dyDescent="0.2">
      <c r="A978" s="52" t="s">
        <v>1400</v>
      </c>
      <c r="B978" s="55" t="s">
        <v>2138</v>
      </c>
    </row>
    <row r="979" spans="1:2" x14ac:dyDescent="0.2">
      <c r="A979" s="52" t="s">
        <v>1401</v>
      </c>
      <c r="B979" s="55" t="s">
        <v>2139</v>
      </c>
    </row>
    <row r="980" spans="1:2" x14ac:dyDescent="0.2">
      <c r="A980" s="52" t="s">
        <v>1402</v>
      </c>
      <c r="B980" s="55" t="s">
        <v>2140</v>
      </c>
    </row>
    <row r="981" spans="1:2" x14ac:dyDescent="0.2">
      <c r="A981" s="52" t="s">
        <v>1403</v>
      </c>
      <c r="B981" s="55" t="s">
        <v>2141</v>
      </c>
    </row>
    <row r="982" spans="1:2" x14ac:dyDescent="0.2">
      <c r="A982" s="52" t="s">
        <v>1404</v>
      </c>
      <c r="B982" s="55" t="s">
        <v>2142</v>
      </c>
    </row>
    <row r="983" spans="1:2" x14ac:dyDescent="0.2">
      <c r="A983" s="52" t="s">
        <v>1405</v>
      </c>
      <c r="B983" s="55" t="s">
        <v>2143</v>
      </c>
    </row>
    <row r="984" spans="1:2" x14ac:dyDescent="0.2">
      <c r="A984" s="52" t="s">
        <v>1406</v>
      </c>
      <c r="B984" s="55" t="s">
        <v>2144</v>
      </c>
    </row>
    <row r="985" spans="1:2" x14ac:dyDescent="0.2">
      <c r="A985" s="52" t="s">
        <v>1407</v>
      </c>
      <c r="B985" s="55" t="s">
        <v>2145</v>
      </c>
    </row>
    <row r="986" spans="1:2" x14ac:dyDescent="0.2">
      <c r="A986" s="52" t="s">
        <v>1408</v>
      </c>
      <c r="B986" s="55" t="s">
        <v>2146</v>
      </c>
    </row>
    <row r="987" spans="1:2" x14ac:dyDescent="0.2">
      <c r="A987" s="52" t="s">
        <v>1409</v>
      </c>
      <c r="B987" s="55" t="s">
        <v>2147</v>
      </c>
    </row>
    <row r="988" spans="1:2" x14ac:dyDescent="0.2">
      <c r="A988" s="52" t="s">
        <v>1410</v>
      </c>
      <c r="B988" s="55" t="s">
        <v>1961</v>
      </c>
    </row>
    <row r="989" spans="1:2" x14ac:dyDescent="0.2">
      <c r="A989" s="52" t="s">
        <v>1411</v>
      </c>
      <c r="B989" s="55" t="s">
        <v>2148</v>
      </c>
    </row>
    <row r="990" spans="1:2" x14ac:dyDescent="0.2">
      <c r="A990" s="52" t="s">
        <v>1412</v>
      </c>
      <c r="B990" s="55" t="s">
        <v>2149</v>
      </c>
    </row>
    <row r="991" spans="1:2" x14ac:dyDescent="0.2">
      <c r="A991" s="52" t="s">
        <v>1413</v>
      </c>
      <c r="B991" s="55" t="s">
        <v>2150</v>
      </c>
    </row>
    <row r="992" spans="1:2" x14ac:dyDescent="0.2">
      <c r="A992" s="52" t="s">
        <v>640</v>
      </c>
      <c r="B992" s="55" t="s">
        <v>641</v>
      </c>
    </row>
    <row r="993" spans="1:2" x14ac:dyDescent="0.2">
      <c r="A993" s="52" t="s">
        <v>642</v>
      </c>
      <c r="B993" s="55" t="s">
        <v>1421</v>
      </c>
    </row>
    <row r="994" spans="1:2" x14ac:dyDescent="0.2">
      <c r="A994" s="52" t="s">
        <v>643</v>
      </c>
      <c r="B994" s="55" t="s">
        <v>644</v>
      </c>
    </row>
    <row r="995" spans="1:2" x14ac:dyDescent="0.2">
      <c r="A995" s="52" t="s">
        <v>645</v>
      </c>
      <c r="B995" s="55" t="s">
        <v>646</v>
      </c>
    </row>
    <row r="996" spans="1:2" x14ac:dyDescent="0.2">
      <c r="A996" s="52" t="s">
        <v>647</v>
      </c>
      <c r="B996" s="55" t="s">
        <v>1421</v>
      </c>
    </row>
    <row r="997" spans="1:2" x14ac:dyDescent="0.2">
      <c r="A997" s="52" t="s">
        <v>648</v>
      </c>
      <c r="B997" s="55" t="s">
        <v>649</v>
      </c>
    </row>
    <row r="998" spans="1:2" x14ac:dyDescent="0.2">
      <c r="A998" s="52" t="s">
        <v>650</v>
      </c>
      <c r="B998" s="55" t="s">
        <v>651</v>
      </c>
    </row>
    <row r="999" spans="1:2" x14ac:dyDescent="0.2">
      <c r="A999" s="52" t="s">
        <v>652</v>
      </c>
      <c r="B999" s="55" t="s">
        <v>653</v>
      </c>
    </row>
    <row r="1000" spans="1:2" x14ac:dyDescent="0.2">
      <c r="A1000" s="53" t="s">
        <v>654</v>
      </c>
      <c r="B1000" s="56" t="s">
        <v>655</v>
      </c>
    </row>
  </sheetData>
  <phoneticPr fontId="1"/>
  <pageMargins left="0.7" right="0.7"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リスク一覧</vt:lpstr>
      <vt:lpstr>所属コード</vt:lpstr>
      <vt:lpstr>リスク一覧!Print_Area</vt:lpstr>
      <vt:lpstr>リスク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02-20T04:48:05Z</cp:lastPrinted>
  <dcterms:created xsi:type="dcterms:W3CDTF">2018-08-22T23:29:05Z</dcterms:created>
  <dcterms:modified xsi:type="dcterms:W3CDTF">2025-11-27T09:10:14Z</dcterms:modified>
</cp:coreProperties>
</file>